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127"/>
  <workbookPr/>
  <mc:AlternateContent xmlns:mc="http://schemas.openxmlformats.org/markup-compatibility/2006">
    <mc:Choice Requires="x15">
      <x15ac:absPath xmlns:x15ac="http://schemas.microsoft.com/office/spreadsheetml/2010/11/ac" url="https://sintef.sharepoint.com/teams/work-14101/Delte Dokumenter/AP2 Indikatorer/Publication/review/"/>
    </mc:Choice>
  </mc:AlternateContent>
  <xr:revisionPtr revIDLastSave="178" documentId="8_{76E5AE92-EB2D-404C-B33E-55B0D071E880}" xr6:coauthVersionLast="47" xr6:coauthVersionMax="47" xr10:uidLastSave="{212B9FD3-F4EC-4E30-9A32-74AA0BDC5863}"/>
  <bookViews>
    <workbookView xWindow="-120" yWindow="-120" windowWidth="29040" windowHeight="17520" activeTab="3" xr2:uid="{0BACD2F8-7B2E-48A9-8B72-52AA9319C627}"/>
  </bookViews>
  <sheets>
    <sheet name="README" sheetId="13" r:id="rId1"/>
    <sheet name="Set O" sheetId="2" r:id="rId2"/>
    <sheet name="Full evolution" sheetId="15" r:id="rId3"/>
    <sheet name="Set V" sheetId="10" r:id="rId4"/>
  </sheets>
  <definedNames>
    <definedName name="_xlnm._FilterDatabase" localSheetId="2" hidden="1">'Full evolution'!$A$4:$AQ$212</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1838" uniqueCount="710">
  <si>
    <r>
      <rPr>
        <b/>
        <sz val="11"/>
        <color theme="1"/>
        <rFont val="Calibri"/>
        <family val="2"/>
        <scheme val="minor"/>
      </rPr>
      <t>Set O</t>
    </r>
    <r>
      <rPr>
        <sz val="11"/>
        <color theme="1"/>
        <rFont val="Calibri"/>
        <family val="2"/>
        <scheme val="minor"/>
      </rPr>
      <t xml:space="preserve"> is the original indicator set.</t>
    </r>
  </si>
  <si>
    <t>ID</t>
  </si>
  <si>
    <t>Grouping</t>
  </si>
  <si>
    <t>Indicator</t>
  </si>
  <si>
    <t>Unit</t>
  </si>
  <si>
    <t>Type</t>
  </si>
  <si>
    <t>Data source</t>
  </si>
  <si>
    <t>Description</t>
  </si>
  <si>
    <t>Process part 1</t>
  </si>
  <si>
    <t>P1</t>
  </si>
  <si>
    <t>Phase 1 - Get an overview</t>
  </si>
  <si>
    <t>To what extent is climate change adaptation part of the:</t>
  </si>
  <si>
    <t>State planning guidelines for climate adaptation, see guidance https://www.miljodirektoratet.no/myndigheter/klimaarbeid/klimatilpasning/veiledning-til-statlige-planretningslinjer-for-klimatilpasning/</t>
  </si>
  <si>
    <t>Assessment of whether climate adaptation is mentioned in overarching documents and indicates the status and to what extent the climate adaptation work is an integral part of the municipality's planning work. The municipalities can add other management documents, such as relevant municipal sub-plans, action programs and strategy documents</t>
  </si>
  <si>
    <t>a) The municipalities plan strategy?</t>
  </si>
  <si>
    <t>Small - medium - large</t>
  </si>
  <si>
    <t>Process</t>
  </si>
  <si>
    <t>Own assessment</t>
  </si>
  <si>
    <t>The municipal planning strategy is not a plan, but a tool for the new municipal council to clarify which planning tasks are to be prioritized during the election period in order to steer development in the desired direction.</t>
  </si>
  <si>
    <t>b) The municipal plan - community section?</t>
  </si>
  <si>
    <t>The municipality's community section takes a position on long-term challenges, and sets goals and strategies for the municipality and is the basis for the sectors' plans and activities.</t>
  </si>
  <si>
    <t>c) The municipal plan - area section?</t>
  </si>
  <si>
    <t>The municipality must have a area plan for the entire municipality that shows the connection between future social development and land use. Area plans can be drawn up for parts of the municipality's area.</t>
  </si>
  <si>
    <t>P2</t>
  </si>
  <si>
    <t>The municpal overall ROS-analyse:</t>
  </si>
  <si>
    <t>Climate adaptation in sectors: Social security and preparedness https://www.miljodirektoratet.no/myndigheter/klimaarbeid/klimatilpasning/klimatilpasning-i-sektorer/samfunnssikkerhet-og-beredskap/</t>
  </si>
  <si>
    <t>Assessment of future climate, in relation to ROS analyses, vulnerability analysis and emergency plans. See definition of climate-related events</t>
  </si>
  <si>
    <t>a) To what extent are climate-related incidents part of the municipality's overall ROS?</t>
  </si>
  <si>
    <t>b) Is future climate taken into consideration in the municipality's overall ROS?</t>
  </si>
  <si>
    <t>P3</t>
  </si>
  <si>
    <t>Has the municipality developed provisions on and/or guidelines for climate adaptation for use in work with regulatory plans?</t>
  </si>
  <si>
    <t>Y/N</t>
  </si>
  <si>
    <t>Assessment of status and focus in relation to regulatory plans. Can also be internal guidelines, supervisors, etc.</t>
  </si>
  <si>
    <t>P4</t>
  </si>
  <si>
    <t>Has the municipality made a vulnerability analysis for climate change up to 2090?</t>
  </si>
  <si>
    <t>Assessment of status and focus in relation to vulnerability</t>
  </si>
  <si>
    <t>P5</t>
  </si>
  <si>
    <t>Phase 2 - Develop goals and strategies</t>
  </si>
  <si>
    <t>Have overall goals and strategies been drawn up for the climate adaptation work?</t>
  </si>
  <si>
    <t>E.g. Prepared municipal sub-plan energy and climate</t>
  </si>
  <si>
    <t>If yes; which planning documents?</t>
  </si>
  <si>
    <t>P6</t>
  </si>
  <si>
    <t>Phase 3 - Measures and action plans</t>
  </si>
  <si>
    <t>Have action plans been drawn up to achieve the goals of climate adaptation?</t>
  </si>
  <si>
    <t>P7</t>
  </si>
  <si>
    <t>Phase 4 - Reporting</t>
  </si>
  <si>
    <t>Has the municipality created routines for following up the work on climate adaptation?</t>
  </si>
  <si>
    <t>E.g. reporting tools, establishment of routines, mandate or job instructions</t>
  </si>
  <si>
    <t>P8</t>
  </si>
  <si>
    <t>Phase 5 - Evaluation</t>
  </si>
  <si>
    <t>Has the municipality created routines for regular evaluation of the climate adaptation work, for example when revising the plan for climate and energy and climate adaptation?</t>
  </si>
  <si>
    <t>P9</t>
  </si>
  <si>
    <t>Is there regular evaluation of the climate adaptation work, for example when revising the plan for climate and energy and climate adaptation?</t>
  </si>
  <si>
    <t>Never - now and then - frequently</t>
  </si>
  <si>
    <t>This can be both internal or external evaluation</t>
  </si>
  <si>
    <t>Process part 2</t>
  </si>
  <si>
    <t>P10</t>
  </si>
  <si>
    <t xml:space="preserve">
Planning work</t>
  </si>
  <si>
    <t>What proportion of the zoning plans adopted last year have provisions and/or guidelines on climate adaptation?</t>
  </si>
  <si>
    <t>%</t>
  </si>
  <si>
    <t>Add up the number of plans climate adaptation is mentioned and divide by the total number of plans. Updated annually (counted annually, registered continuously).</t>
  </si>
  <si>
    <t>P11</t>
  </si>
  <si>
    <t>Based on the climate vulnerability analysis, what proportion of the climate adaptation challenges have measures been prepared for?</t>
  </si>
  <si>
    <t>Use identified vulnerabilities / climate risks from comprehensive ROS or similar. Can be limited to "red" and "yellow" risks. Updated annually (counted annually, registered continuously).</t>
  </si>
  <si>
    <t>P12</t>
  </si>
  <si>
    <t>What proportion of master plans, theme plans and sector plans in the municipality have mentioned climate adaptation in relation to the number of plans that should deal with climate adaptation?</t>
  </si>
  <si>
    <t>Registered when the various plans are on consultation. Updated annually (counted annually, registered continuously).</t>
  </si>
  <si>
    <t>P13</t>
  </si>
  <si>
    <t>Economy</t>
  </si>
  <si>
    <t>What proportion of decided investment projects (for example cost &gt; x million NOK decided in the municipal council) ila. has the year made visible and assessed the consequences of future climate change?</t>
  </si>
  <si>
    <t>Updated annually, but registered continuously.</t>
  </si>
  <si>
    <t>P14</t>
  </si>
  <si>
    <t>What proportion of the climate adaptation measures above x kroner has a cost/benefit assessment been prepared for?</t>
  </si>
  <si>
    <t>The municipality should choose a representative size for the cost for which they themselves believe a cost-benefit analysis should have been carried out, for example cost &gt; NOK 1 million, and then check how many have actually had such an analysis carried out. Registered continuously, and counted annually.</t>
  </si>
  <si>
    <t>P15</t>
  </si>
  <si>
    <t xml:space="preserve">
Form of work</t>
  </si>
  <si>
    <t>What proportion/number of man-years is set aside for coordinating climate adaptation work?</t>
  </si>
  <si>
    <t>Here, only positions that have described "coordination of climate adaptation" in the job description should be included in the calculation.</t>
  </si>
  <si>
    <t>P16</t>
  </si>
  <si>
    <t>Has the municipality established an interdisciplinary/sectoral group, if any, routines for interdisciplinary cooperation for climate adaptation?</t>
  </si>
  <si>
    <t>P17</t>
  </si>
  <si>
    <t>To what extent does the municipality use an internal interdisciplinary/sectoral group to discuss climate adaptation?</t>
  </si>
  <si>
    <t>Can also be considered as the number of meetings during a year, if such a group is defined and has regular meetings.</t>
  </si>
  <si>
    <t>Measure</t>
  </si>
  <si>
    <t>T1</t>
  </si>
  <si>
    <t>Proportion of revised regulatory plans that have included climate adaptation measures in relation to the total number of revised regulatory plans</t>
  </si>
  <si>
    <t>T2</t>
  </si>
  <si>
    <t>Proportion of climate adaptation measures carried out in accordance with plan</t>
  </si>
  <si>
    <t>Measures can be split up to apply to one or more risks/challenges</t>
  </si>
  <si>
    <t>T3</t>
  </si>
  <si>
    <t>Building</t>
  </si>
  <si>
    <t>Proportion of maintenance plans for buildings where climate adaptation is mentioned</t>
  </si>
  <si>
    <t>T4</t>
  </si>
  <si>
    <t>Proportion of health and care buildings where security measures have been taken against the risk of damage as a result of</t>
  </si>
  <si>
    <t>a) stormwater</t>
  </si>
  <si>
    <t>https://www.nve.no/flaum-og-skred/kartlegging/faresonekart-kommuner/</t>
  </si>
  <si>
    <t>b) river flood</t>
  </si>
  <si>
    <t>c) landslide</t>
  </si>
  <si>
    <t>d) quick clay</t>
  </si>
  <si>
    <t>e) sea level rise</t>
  </si>
  <si>
    <t>https://www.kartverket.no/til-sjos/se-havniva/kart</t>
  </si>
  <si>
    <t>T5</t>
  </si>
  <si>
    <t>Proportion of residents who live in areas where security measures have been taken against the risk of damage as a result of</t>
  </si>
  <si>
    <t>T6</t>
  </si>
  <si>
    <t>Proportion of square meters of buildings in areas where security measures have been implemented against the risk of damage as a result of</t>
  </si>
  <si>
    <t>T7</t>
  </si>
  <si>
    <t>Road</t>
  </si>
  <si>
    <t>Proportion of weights in areas where security measures have been implemented against the risk of damage as a result of</t>
  </si>
  <si>
    <t>T8</t>
  </si>
  <si>
    <t>Share of bridges that have been upgraded to cope with e.g. 200-year floods with climate impact</t>
  </si>
  <si>
    <t>Road authority handbooks N100 and N200</t>
  </si>
  <si>
    <t>T9</t>
  </si>
  <si>
    <t>Proportion of gutters that are dimensioned with a climate surcharge</t>
  </si>
  <si>
    <t>T10</t>
  </si>
  <si>
    <t>Stormwater</t>
  </si>
  <si>
    <t>Proportion of stormwater measures that are solved using measures within local stormwater management instead of traditional pipe-based solutions</t>
  </si>
  <si>
    <t>T11</t>
  </si>
  <si>
    <t>Share of the municipality's drinking water sources for which emergency plans have been drawn up, considering changes in vulnerability and quality as a result of climate change</t>
  </si>
  <si>
    <t>Result</t>
  </si>
  <si>
    <t>R1</t>
  </si>
  <si>
    <t>Preparedness</t>
  </si>
  <si>
    <t>Number of household hours per year in the municipality without electricity as a result of climate-related natural events</t>
  </si>
  <si>
    <t>NVE 
interruption statistics</t>
  </si>
  <si>
    <t>R2</t>
  </si>
  <si>
    <t>Number of household hours per year in the municipality without water as a result of a climate-related natural event</t>
  </si>
  <si>
    <t>KOSTRA</t>
  </si>
  <si>
    <t>Reported as unplanned downtime</t>
  </si>
  <si>
    <t>R3</t>
  </si>
  <si>
    <t>Number of household hours per year in the municipality that are without a supply road as a result of a climate-related natural event</t>
  </si>
  <si>
    <t>NVDB</t>
  </si>
  <si>
    <t>NVDB (Nasjonal vegdatabank - Statens Vegvesen)</t>
  </si>
  <si>
    <t>R4</t>
  </si>
  <si>
    <t>Number of alerts (flood, landslide, storm, storm surge)</t>
  </si>
  <si>
    <t>number</t>
  </si>
  <si>
    <t>Kunnskapsbanken</t>
  </si>
  <si>
    <t>R5</t>
  </si>
  <si>
    <t>Number of efforts from fire and rescue services in climate-related natural events</t>
  </si>
  <si>
    <t>The efforts and missions of the fire and rescue service</t>
  </si>
  <si>
    <t>R6</t>
  </si>
  <si>
    <t>Annual payments/number of cases through the natural damage insurance scheme (Norwegian natural damage pool - NASK) (homes, holiday homes and commercial buildings)</t>
  </si>
  <si>
    <t>NASK / Kunnskapsbanken</t>
  </si>
  <si>
    <t>R7</t>
  </si>
  <si>
    <t>Annual payments/number of cases through the natural damage compensation scheme (Directorate of Agriculture) (private infrastructure)</t>
  </si>
  <si>
    <t>Landbruks-direktoratet</t>
  </si>
  <si>
    <t>R8</t>
  </si>
  <si>
    <t>Annual payments/number of cases through discretionary grants triggered by climate-related natural events</t>
  </si>
  <si>
    <t>The municipality can choose to add a relevant and available support scheme, see definition of support scheme</t>
  </si>
  <si>
    <t>R9</t>
  </si>
  <si>
    <t>Annual payments/number of cases through extraordinary discretionary grants triggered by climate-related natural events</t>
  </si>
  <si>
    <t>R10</t>
  </si>
  <si>
    <t>Number of new recourse claims against the municipality (in natural damage cases)</t>
  </si>
  <si>
    <t>Overview at the municipal administration/finance department</t>
  </si>
  <si>
    <t>R11</t>
  </si>
  <si>
    <t>Proportion of buildings for health and care services located in risk areas for</t>
  </si>
  <si>
    <t>Maps</t>
  </si>
  <si>
    <t>R12</t>
  </si>
  <si>
    <t>Proportion of inhabitants living in risk areas for</t>
  </si>
  <si>
    <t>R13</t>
  </si>
  <si>
    <t>Proportion of square meters of buildings located in risk areas for</t>
  </si>
  <si>
    <t>R14</t>
  </si>
  <si>
    <t>Proportion of roads that are in risk areas for</t>
  </si>
  <si>
    <t>R15</t>
  </si>
  <si>
    <t>Proportion of roads that have to close in the event of 200-year floods with climate surcharge</t>
  </si>
  <si>
    <t>Use local climate surcharge obtained from e.g. www.klimaservicesenteret.no</t>
  </si>
  <si>
    <t>R16</t>
  </si>
  <si>
    <t>Share of municipal combined sewage pipes (Length of combined sewer pipelines for both  sewage and stormwater (km) / Total length of sewage pipeline (km))</t>
  </si>
  <si>
    <t>Combination of two sizes that are already reported to KOSTRA. Combined network = network that conducts both storm water and waste water</t>
  </si>
  <si>
    <t>R17</t>
  </si>
  <si>
    <t>Number of rainwater overflows per km of combined network (Number of rainwater overflows (number) / Length of combined pipe (km))</t>
  </si>
  <si>
    <t>number/km</t>
  </si>
  <si>
    <t>Combination of two sizes that are already reported to KOSTRA. Combined network = network that conducts both stormwater and waste water, rainwater overflow = discharge from a combined network to the surroundings consisting of rainwater and waste water</t>
  </si>
  <si>
    <t>R18</t>
  </si>
  <si>
    <t>Proportion of residents connected to municipal water works with satisfactory test results in relation to color numbers</t>
  </si>
  <si>
    <t>Climate change will in many cases lead to a gradual increase in the color number in drinking water sources (surface water), which can give treatment plants challenges in supplying drinking water with color numbers in accordance with the drinking water regulations</t>
  </si>
  <si>
    <t>R19</t>
  </si>
  <si>
    <t>Proportion of stream and river length in exposed areas / urban areas that is open</t>
  </si>
  <si>
    <t>Subject to own analysis. Focus on areas that have challenges.</t>
  </si>
  <si>
    <t>R20</t>
  </si>
  <si>
    <t>Proportion of stream and river length in exposed areas that have edge vegetation</t>
  </si>
  <si>
    <t>Must be seen in conjunction with R19 and make manual assessments of edge vegetation for the same stream stretches. Here, it is desirable to distinguish between sections that have vegetation and sections that have stone fills or other hard, artificial edges.</t>
  </si>
  <si>
    <t>R21</t>
  </si>
  <si>
    <t>Proportion of building cases that use the blue-green factor measured against the total number of building cases</t>
  </si>
  <si>
    <t>Only relevant for municipalities that have introduced the blue-green factor. The blue-green factor is calculated according to the method given by Norwegian Standard, NS 3845. An alternative could be to calculate an average blue-green factor for the municipality.</t>
  </si>
  <si>
    <t>R22</t>
  </si>
  <si>
    <t>Extraneous water in the drainage network</t>
  </si>
  <si>
    <t>bedreVANN</t>
  </si>
  <si>
    <t>Extraneous water supplied to the treatment plants is in bedreVANN defined as follows: Extraneous water = Surface water + Infiltration of groundwater and drinking water</t>
  </si>
  <si>
    <t>Relevance</t>
  </si>
  <si>
    <t>Data availability</t>
  </si>
  <si>
    <t>Efficient</t>
  </si>
  <si>
    <t>Reliable</t>
  </si>
  <si>
    <t>-</t>
  </si>
  <si>
    <t>The indicator can give a good indication of the extent to which climate adaptation has been implemented the overall planning strategy, as well as KPA (legally binding) and KPS, and thus an indication of the bottom line in the municipality's climate adaptation work. Putting a value to the indicator is currently moderately time-consuming, as the document review must be done manually. Assessments are also discretionary, which can give different results depending on who is doing the assessment. Based on the testing of the indicators in Trondheim municipality, such a qualitative assessment of the content is more relevant and valid than a quantification of numbers of plans that have mentioned climate adaptation, as there is currently no template for how and to what extent climate adaptation must be included in planning documents at various planning levels. Climate adaptation was therefore rarely mentioned explicitly, but was sometimes indirectly related through, for example, consideration of natural hazards. When preparing and use of a standard template for the inclusion of climate adaptation for the various planning levels can reduce the time spent on data retrieval, while validity increases. If the planning documents had existed in a database with metadata where queries could be run on whether each plan contained climate adaptation or not, one could also map the municipality's bottom line in the climate adaptation work more effectively, and with numbering, but this requires consistency for the inclusion of climate adaptation in the planning documents.</t>
  </si>
  <si>
    <t>We have chosen to keep this indicator, but with a slightly different wording and remove the "plan strategy"</t>
  </si>
  <si>
    <t xml:space="preserve">a)        Community section </t>
  </si>
  <si>
    <t>b)        Area section</t>
  </si>
  <si>
    <t>The indicator can provide insight into how well the effects of climate change is included in the ROS analysis, and where there is potential for improvement. Makes it easier to uncover deficiencies in the consideration of climate change and the impact on the risk of various unwanted climate-related events.Seem as a relevant evaluation indicator for the climate adaptation work as of today, and as a "checklist" for future ROS analyzes to tick off. Also high efficiency, as only one plan is reviewed. b is proposed to be defined stricter, as "future climate" can be based on different emission trajectories, with different climate projections, and for different time horizons. For example, the formulation can be linked to a given climate risk, events with a defined recurrence interval or assessed against a defined time horizon (e.g. 200‐year events in 2100 for floods and rainfall). See guide for ROS analysis (DSB Directorate for Security and Preparedness, 2022). The Climate Helper from DSB can also provide guidance on climate surcharges (DSB, 2015).13 A starting point for mapping climate risk can be found here. When there is still a requirement for municipalities to map their own climate vulnerability, it is proposed that a separate climate vulnerability analysis be carried out. A need for a guideline has been expressed.</t>
  </si>
  <si>
    <t>We have chosen to keep this indicator, but with a specification. P2 What proportion of the risks in the municipality's climate profile covered in comprehensive ROS? Further to include a new P3 for when the ROS was last updated and P4 Assesses overall ROS expected climate on a) short term, b) medium term, and c) long term. In the guidance for P2, it is mentioned that the climate vulnerability analysis is used instead of climate profile. The most local and up-to-date risk description is chosen. To remind municipalities to consider the long term, we have chosen to create indicator P4. The instructions state what is added short, medium and long term.</t>
  </si>
  <si>
    <t>We have retained an indicator of BGF. We will probably further develop this indicator when this has become one requirements and registration have improved in the municipality. A checklist when preparing planning documents should also be made.</t>
  </si>
  <si>
    <t>See comment for P3</t>
  </si>
  <si>
    <t xml:space="preserve">The indicator can give a relevant indication of the municipality's bottom line climate adaptation work. In Trondheim municipality, the strategies are found in a separate thematic plan for climate adaptation, but these can also be found/established in other plans, such as environmental and energy plans. </t>
  </si>
  <si>
    <t>New wording: Are there concrete targets for climate adaptation in: a) KPS b) KPA.</t>
  </si>
  <si>
    <t xml:space="preserve">Are there concrete targets for climate adaptation in the municipal plan? </t>
  </si>
  <si>
    <t>Studying data for this indicator over time can provide useful feedback and knowledge of incorporation of and focus on climate adaptation in the various units in the municipality. The aim is that it should be easy to get an overview of where there are shortcomings in the municipal climate adaptation work, as well as which ones strategies/goals that have been adopted/applicable at all times. The data acquisition can be somewhat time-consuming, as a manual document review of plans is required. The indicator facilitates the collection of data on the municipality's overall climate adaptation in a place.</t>
  </si>
  <si>
    <t>We have changed some of the wording, in discussion with the working group (SINTEF and Trondheim municipality) to make the indicator more concrete.</t>
  </si>
  <si>
    <t>The indicator is largely linked the indicators "Has an overall goal been drawn up andstrategies for the climate adaptation work?" and "Have action plans been drawn up to achieve the goals withclimate adaptation?", but is intended to be able to provide supplementary information on the implementation and follow-up of measuresmentioned in plan. The indicator gives a good overview of how far you have come in following up on the planned climate adaptation work. Although there is a separate indicator that captures routines and follow-up, this maps the specific follow-up of goals and strategies.</t>
  </si>
  <si>
    <t>For process indicator, level 1, we have chosen tochange the wording to: Has the municipality created a system or routines forreporting on the work on climate adaptation?</t>
  </si>
  <si>
    <t>Has the municipality created a system or routines for reporting on the work on climate adaptation?</t>
  </si>
  <si>
    <t>Here, the starting point is the original indicator P7-P9 (Has the municipality created routines forfollow-up of the work on climate adaptation? Has the municipality created routines for regular evaluation ofthe climate adaptation work? Is there regular evaluation of the climate adaptation work?). Relevant data to map evaluation, follow-up and routines for the climate adaptation work is, for example, both internal and external evaluations, reporting tools, mandate or job instructions and follow-up plans. In addition to degree of evaluation and follow-up, it is intended that this qualitative information emerges in the comment field, so that it is possible to investigate and check what is the basis for the degree assessment. An indicator for follow-up and evaluation of climate adaptation work seems relevant and appropriate. One qualitative assessment that is intended here is considered to be well suited to capture information related to this.</t>
  </si>
  <si>
    <t>We have chosen to continue to include this indicator, to cover all the steps in the MRE wheel.</t>
  </si>
  <si>
    <t>Based on the comment from the municipality we have deleted this indicator.</t>
  </si>
  <si>
    <t>The wording indicates that the municipality has carried out a climate vulnerability analysis. This is not necessarily the case, as other municipalities may only have it as an included part of the overall ROS. It is recommended that municipalities without their own climate vulnerability analysis start work on this. If own climate vulnerability analysis has not been carried out, one can start from identified vulnerabilities from a comprehensive ROS analysis to quantify this indicator. However, this presupposes sufficient quality in the assessment of climate risk in the comprehensive ROS, where guidelines should be given for climate changes hazards, knowledge base and time horizon for an adequate assessment of climate risk. The assessment can be limited to "red" and "yellow" risk factors.The indicator as it stands today is considered less valid, as the score does not necessarily illustrate the quality on risk reduction and climate adaptation work. As pointed out during data collection for Trondheim municipality, will municipalities with a flawed analysis be able to score as well or better for the indicator than municipalities with a good climate vulnerability analysis, if they have prepared measures for the challenges that are raised. It is not known whether the challenges raised in the analysis have been assessed sufficiently, whether prepared measures have been sufficient (whether measures actually work to reduce risk) or about all the challenges that exist in the whole taken is included in planning processes. An alternative is to change the indicator from a numerical assessment to a qualitative assessment, where types of climate-related challenges for which measures have been prepared. This provides more information about which areas there possibly are deficiencies in risk-reducing measures/assessments, and it seems more appropriate. If you can also study this against vulnerability analyzes in GIS, you can both assessthe quality/usability of the climate vulnerability analysis, and the prepared measures. However, this requires some work, and has not been done for Trondheim municipality. Based on experiences from Trondheim municipality, it is further recommended to expand the vulnerability analysis, then new challenges such as heat waves and the risk of forest fires have gained new relevance in recent years, and will reportedly continue even more challenging under ongoing climate change. It can be challenging as a municipality to know which risks should be included, and how these should be evaluated. It is therefore proposed that a guideline for the development of a climate vulnerability analysis, as the current guideline for holistic risk‐ andvulnerability does not seem to be sufficiently useful and detailed for the relevant climate challenges.</t>
  </si>
  <si>
    <t>You have data on implemented security measures financed by NVE, which you can start with.The municipalities also have an overview of funds they have applied for, both for investigation and physical measures (NVE) and knowledge acquisition (Environment Directorate), and funds they have received from NVE and the Environment Directorate. It does not give a complete overview of implemented measures, but may indicate effort. However, base on the comment from the municipality this indicator has been deleted.</t>
  </si>
  <si>
    <t>This indicator has been assessed as difficult to value and the relevance is also questionable, see comments from the municipalitites above. We have therefor deleted the indicator. Below follow several suggestions that have come up in the testing and discusion with the municipalities.</t>
  </si>
  <si>
    <t xml:space="preserve">a)        drinking water </t>
  </si>
  <si>
    <t xml:space="preserve">b)        forest fire </t>
  </si>
  <si>
    <t>c)        flooding</t>
  </si>
  <si>
    <t>d)        drought</t>
  </si>
  <si>
    <t>e)        quick clay</t>
  </si>
  <si>
    <t>f)         other types of landslide and rockfall</t>
  </si>
  <si>
    <t xml:space="preserve">To what extent is climate change considered in maintenance plans of: </t>
  </si>
  <si>
    <t xml:space="preserve">a) municipal buildings </t>
  </si>
  <si>
    <t>b) municipal infrastructure</t>
  </si>
  <si>
    <t>c) municipal parks and other green spaces</t>
  </si>
  <si>
    <t>d) critical infrastructure</t>
  </si>
  <si>
    <t>Based on the data collection process for Trondheim municipality, this seems difficult to value, and in terms of efficiency, the estimated time spent is so high that it is considered not feasible for the municipality. This is justified by the fact that all political matters must be reviewed manually.</t>
  </si>
  <si>
    <t>This has been proposed to be retained by Trondheim municipality as something they can strive for, on the road towards implementation of benefit/cost analyses. We will therefore keep it for now.</t>
  </si>
  <si>
    <t>Based on experience from Trondheim municipality, there is a focus on balancing cost and useful measures for various climate challenges rather than for specific measures. Share of climate adaptation measures thus becomes a formulation that does not capture actual cost-benefit assessments in the municipality. It is also proposed to define/set requirements for what such a cost-benefit assessment measures. Ecosystem services are included, as well ecological and social costs/utilities in the assessment? The indicator does not necessarily measure climate adaptation, as several measures may have been prepared without having underwent an individual cost-benefit assessment, which is rather taken up on a more general level, as in the case of Trondheim municipality.It is suggested, if necessary, to set a minimum requirement for cost in order to make a cost-benefit assessment, because probably it is not appropriate to carry out a cost-benefit assessment for all measures. An alternative is to reformulate the indicator to "What proportion of the climate adaptation measures above kroner x has a cost/benefit assessment been prepared for?".</t>
  </si>
  <si>
    <t>We have retained the proposed wording. As of today, benefit/cost assessments are rarely carried out in the municipalities, but Trondheim municipality aims to do more of this type of analysis, and will retain it. In one benefit/cost assessment, all cost elements must be included in the calculation, including indirect costs and non‐priced effects. However, we still think this indicator will be difficult to obtain value for, at least among the majority of the municipalities in Norway, so we have deleted it for now.</t>
  </si>
  <si>
    <t>The indicator seems relevant for mapping the bottom line in the municipality's development, and it is numerical data that is easy to compare and look at the development over time. However, it does not capture man-years associated with climate adaptation in general, for example cross-sectoral groups that do not have a job description for the coordination of climate adaptation or climate adaptation overhead, but which still contributes to the work. Change in the number of man-years set aside for coordination concretizes the focus on climate adaptation, but does not reflect necessarily a real change in the municipality's focus on climate adaptation, then existing resources and man-years may have been there all along, but not defined in the same way. It is also suggested to look at the number and not the proportion of man-years of the total, at least for a large municipality such as Trondheim municipality.</t>
  </si>
  <si>
    <t>We have chosen to add "formal", which means that it must be included in the job description. New wording: "How many man-years have been formally set aside for coordinating climate adaptation work?"</t>
  </si>
  <si>
    <t>This indicator maps cooperation across the municipality, which is desirable as climate adaptation should be included in all municipal activities. The proposal is partly based on P16 ("Has the municipality established interdisciplinary/sectoral group possibly routines for interdisciplinary cooperation for climate adaptation?") in the original indicator set, but is intended to provide more information about the quality of the collaboration, not just whether a collaboration exists or not not. A formal cross-sectoral group is not necessarily relevant or necessary for all municipalities, for example if small municipalities already work closely together. Therefore it seems most relevant for larger municipalities where it is appropriate to establish a formal contact person associated with the various units. The indicator says however something about whether the municipality has tried to organize itself, which may certainly be relevant to survey.</t>
  </si>
  <si>
    <t>Same comment as above</t>
  </si>
  <si>
    <t>When it comes to climate change adaptation, to what extent is there cooperation:</t>
  </si>
  <si>
    <t>a) Within the municipality</t>
  </si>
  <si>
    <t>b) Between municipalities</t>
  </si>
  <si>
    <t>c) between the municipality and the state administrator</t>
  </si>
  <si>
    <t>d) between municipalities and public actors</t>
  </si>
  <si>
    <t xml:space="preserve">e) between the municipality and private actors </t>
  </si>
  <si>
    <t>f) between the municipality and citizens</t>
  </si>
  <si>
    <t>See earlier comment on measures and plans</t>
  </si>
  <si>
    <t>Risk mapping</t>
  </si>
  <si>
    <t>Proportion of area that has been mapped for risk:</t>
  </si>
  <si>
    <t xml:space="preserve">a)         surface water </t>
  </si>
  <si>
    <t>b)         flooding</t>
  </si>
  <si>
    <t>c)         landslide and rockfall</t>
  </si>
  <si>
    <t>d)         quick clay</t>
  </si>
  <si>
    <t>e)         storm surge</t>
  </si>
  <si>
    <t>f)          sea level rise</t>
  </si>
  <si>
    <t>Proportion of mapped area identified as risk area:</t>
  </si>
  <si>
    <t>a)         surface water</t>
  </si>
  <si>
    <t>Proportion of buildings located in total mapped area:</t>
  </si>
  <si>
    <t>a)        surface water</t>
  </si>
  <si>
    <t>b)        flooding</t>
  </si>
  <si>
    <t>c)        landslide and rockfall</t>
  </si>
  <si>
    <t>d)        quick clay</t>
  </si>
  <si>
    <t>e)        storm surge</t>
  </si>
  <si>
    <t>f)          sea level rise</t>
  </si>
  <si>
    <t>Proportion of buildings located in risk areas:</t>
  </si>
  <si>
    <t>f)         sea level rise</t>
  </si>
  <si>
    <t>Risk reduction</t>
  </si>
  <si>
    <t>Proportion of buildings in risk areas where security measures have been implemented against the risk of damage:</t>
  </si>
  <si>
    <t>Not assessed</t>
  </si>
  <si>
    <t>The indicator quantifies potentially exposed health and care services, but can also visualized with spatial resolution to be able to develop and assess where and what should be implemented risk-reducing/mitigating measures. In Trondheim municipality, a map analysis was planned, where share exposed buildings were also presented visually, so that the data could be used further in a climate vulnerability analysis and in assessing where risk-reducing measures should be taken, etc. However, the validity is assessed as medium, as one does not necessarily map services that are actually at risk, only potentially exposed services. The indicator does not capture any risk-reducing measures that reduce or removes the risk in the area. One can, however, study planned and established measures in the areas and compare with the services within potential risk zones to see if such measures exist and the risk is real or not. However, this seems time-consuming.</t>
  </si>
  <si>
    <t>Here, it is intended to distinguish critical infrastructure/societal functions in risk assessment. This is relevant in the long term, but requires GIS competence in the municipality. The indicator can be replaced with something like"m2/number of buildings that are not in a risk area or protected against risk". This one is more interpretable (higher value is better adaptation level), more sensitive (buildings in the risk area will not change drastically, but it can protect buildings). Data availability may be more difficult (are safeguards documented?), and efficiency may also be lower because it requires more effort to calculate. We suggest to change the wording and use these as "risk-indicators"</t>
  </si>
  <si>
    <t>Proportion of roads in areas where security measures have been implemented against the risk of damage as a result of</t>
  </si>
  <si>
    <t>Not assessed by municipalitiy, but deleted due to data availability.</t>
  </si>
  <si>
    <t>In the current paradigm for climate adaptation, open and local solutions are desirable stormwater management in favor of traditional network-based solutions that divert the water away. Local premises, however, limits generalizability and validity, as not all municipalities can reduce the extent of damage and the likelihood of unwanted consequences and damage from open, local stormwater solutions. If the municipality does not have an efficient way of storing information on the type of stormwater measures, a manual review is required of all planning approvals each year to obtain data for this. For Trondheim municipality this corresponds to between 50-100 plan approvals a year, which will take time. It is nevertheless suggested to do such a review, as more relevant and useful information than only related to other indicators can be generated withvstarting point in the planning approval. Examples of alternatives are: a) Number of open ponds out of the total number of privatesewage treatment plants, b) Number of open ponds out of the total number of municipal sewage treatment plants, c) Open watercourses,closed waterways ratio. As for other data collection from planning documents, a more efficient way to store such information is needed, for example in the metadata to the plans, so that simple queries can be performed without manual document review is needed of all the plans, This will greatly reduce time spent.</t>
  </si>
  <si>
    <t>Alternative proposals are not necessarily better, and we prefer original proposals that are more generic and general. The comment that it will be difficult to find data can be partially resolved through the proposal to report/register some of the necessary underlying data, e.g. the proceedings so that you do not have to go through all the plans manually every year. This also has the potential to become an important indicator, perhaps in combination or replaced with BGF.</t>
  </si>
  <si>
    <t>The indicator cannot be directly related to climate adaptation or climate vulnerability and assessedas not suitable for mapping. Should therefore be excluded from the indicator set. Preferably with an indicator attached for preparedness for climate-related natural events.</t>
  </si>
  <si>
    <t>We currently have an indicator of emergency plans, so we delete this one.</t>
  </si>
  <si>
    <t>Natural damage data and water damage data at municipal level seem like a relevant indicator when it concerns damage after major extreme weather events (higher recurrence interval than 20 years), which is expected to get increased intensity/frequency during ongoing climate change. Based on a previous assessment of water damage data, however, the categorization is sometimes poor and misleading, with several miscategorizations, which reduces the validity considerably. Without risk-reducing measures, the expected number of cases and annual payments to increase over time, and is thus a relevant indicator that measures preventive and risk-reducing measures (preventive climate adaptation work) by effect rather than plan.</t>
  </si>
  <si>
    <t>Damage insurance data at address level from the Knowledge Bank is currently insufficient, but aggregated damage data from natural damage statistics and water damage statistics at municipal level can be used as an indicator, waiting for better analyzes of damage data.</t>
  </si>
  <si>
    <t>Claims for compensation are only valid for events with a predicted recurrence interval of less than 50 years,usually also under 20 years (e.g. intensive rainfall event). The drainage network is not dimensioned for extreme weather events, where own fire (in case of natural damage) or property insurance (in case of flood damage) applies to any payment of compensation. For extreme rainfall events, recourse claims against the municipality is therefore not relevant to assess. However, the indicator may be relevant for measuring adaptati onto the general increase in rainfall for which the drainage network must be dimensioned in the future. Number of claims can however, be misleading, as many of the requirements are linked precisely to extreme weather events, which VA must be dimensioned according to and which are rather covered by the natural damage scheme.</t>
  </si>
  <si>
    <t>The indicator is difficult to quantify/number. Population statistics and consequently population share of the total population, has the lowest available spatial resolution at basic district level.The risk areas for the various climate-related events are often smaller than the basic circuit level, so figures for potentially vulnerable residents are thus wrong. The indicator can optionally be used to visualize where and which highly populated areas overlap with risk areas in connection with mapping of climate vulnerability, but the relevance and validity of data beyond the visual is assessed as low.</t>
  </si>
  <si>
    <t>The benefit/cost analysis model of NVE (NKA) calculates a probability of how manypeople who are in the risk area, but as of now this is very approximate. For delete the indicator for now.</t>
  </si>
  <si>
    <t>Without z‐value (height data) for building data (besides digital terrain model (DTM)) one will not assess the proportion of square meters in exposed areas without introducing errors, such as basements and floor height naturally varies. Instead, you can find the proportion of square meters (floor space for buildings) within the risk areas, as well as the number of buildings. It seems like a favorable indicator of climate vulnerability, but less so relevant to study regularly as part of the climate adaptation work, as this probably does not change particularly much every year for years. However, with newer knowledge bases, the risk areas can become larger, and include more buildings. But to get a more valid measure of actual vulnerability and climate adaptation it seems more appropriate to look at how risk has been handled/reduced in the exposed areas, for buildings and other infrastructure. Note that the indicator only numbers potentially exposed buildings, as the indicator ("Proportion of buildings for health andcare services located in risk areas for: stormwater, river floods, landslides, quicksand, sea level rise") not captures whether risk reduction measures have been established/introduced for parts of the areas. To get one more valid measure of actual vulnerability and climate adaptation, it seems more appropriate to look at what risk is like managed/reduced in the exposed areas, for buildings and other infrastructure. There is data for urban areas nd share of area and number of buildings exposed to water accumulation in 2100 and 2019. For municipalities, there is data for area and buildings for mean water and 200‐year storm surge today and in 2090 (sea level). Apart from the Swedish Mapping Authority's map solution, there is no distinction between building types according to, for example, criticality/consequence. For Felles kartdatabase (FKB) data, you yourself have to categorize buildings according to building types, and are assessed as labor intensive. See link for building type codes for different types of building. Suggested indicator for categorized buildings: Number of buildings with important social functions in risk areas for floods, storm surges, sea ​​level rise, landslides, water accumulation/stormwater in 2021 and 2100.</t>
  </si>
  <si>
    <t>We delete this indicaotor. Information is provided through the new risk-indicators.</t>
  </si>
  <si>
    <t>The indicator does not seem to measure actual climate vulnerability, as it does not say anything about how risk is handled/reduced within the risk areas, or how this changes over time. The indicator says also nothing about, for example, water depth for roads during extreme events (storm surge, flood andwater accumulation). As of today, the indicator is therefore assessed as limited in terms of relevance and validity.</t>
  </si>
  <si>
    <t>In the long term, risk modeling can be linked to the EFFEKT model of the Norwegian Public Roads Administration, which provides more information about exposed road sections (and detour possibilities and costs). Water depth must be visible incorporated. Publicly available data already differentiates by type of road. It will be a useful indicator in the long term, especially linked to other critical social functions (such as access to the hospital in flood situations). For now we delete the indicator.</t>
  </si>
  <si>
    <t>Combined sewage system is problematic under observed and expected effects of climate change. More precipitation (precipitation events in general and extreme weather events in particular) gives a big extraneous water input into the waste water network, which has consequences such as polluting emissions, water damage, capacity issues of treatment plants and costs. It is therefore advantageous to replace the combined sewage systems with separate systems. A measure of the share of combined system of the total network tells something about how far the municipality is arrived in the conversion process to separate the network. By studying this indicator over time, one will have a measure of how much of the sewage network has been updated, and which thus has greater capacity, to meet climate change. The indicator value is expected to decrease over time.</t>
  </si>
  <si>
    <t>This is an indicator on which there is readily available data for the municipalities. It is a useful indicator, which is, however, time‐ and cost‐consuming to influence.</t>
  </si>
  <si>
    <t>Combined sewage overflows occur as a result of bursting capacity on the combined network, where water must be released into a stream, river or fjord so as not to flood cellars. The indicator is considered moderately valid to measure climate adaptation as rainwater overflows also occur during normal rainfall events in today climate, for example due to outdated communal network. Nor is the number of overflows per se necessarily the most relevant indicator, despite the fact that most rainwater overflows occur in connection with larger and or more prolonged precipitation events. There are also hourly statistics for rainwater overflow, but these also say nothing about quantity</t>
  </si>
  <si>
    <t>The data is avaiable, so we have kept av version of this indicator.</t>
  </si>
  <si>
    <t>How often does the combined sewer overflow?</t>
  </si>
  <si>
    <t>It is expected that climate change will lead to changes in raw water quality, and will in many cases lead to an increased color number in the drinking water source(s). This seems to be a good indicator to measure raw water quality, together with E. coli samples. By assessing raw water quality over time, it will be possible to uncover the need for more extensive water treatment, for example, in the event of a negative trend for water quality over time. Raw water with a color quality between 15-20mgPt/l is considered suitable for drinking water, and the Norwegian Food Safety Authority recommends that the color number does not exceed 20 mg/l Pt. However, high color numbers in the drinking water source are often due to a high humus content, and do not only measure change as a result of the effects of climate change.</t>
  </si>
  <si>
    <t>Climate change with increased temperature and extended growing season will produce more leaves and foliage as time goes on breaks down and partly ends up in our surface waters and gives an increased humus content. But the changes are expected to happen slowly and the color number will also be affected by other factors, so for now we delete this indicator.</t>
  </si>
  <si>
    <t>"Exposed areas" and "open" should be defined. The indicator requires a good deal of work, but seems relevant to assess exposed areas along waterways. As per August 2022, this was not carried out for Trondheim municipality.</t>
  </si>
  <si>
    <t>It must be specified what is meant by "open"; does it mean "not in pipes", or without vegetation? For the moment we have deleted this indicator.</t>
  </si>
  <si>
    <t>The most important measure from agriculture to reduce water pollution is to comply with the requirement that there must be at least two meters of edge vegetation zone towards rivers and streams. The edge vegetation must be untouched, but up to 50% harvesting is permitted. The effect of the edge vegetation zones on run-off nutrients is great. Former Jordforsk, now part of NIBIO, has found that a five meter edge vegetation zone captures 75% of the soil particles, 63% of the nitrogen and 59% of the phosphorus as follows runoff from cultivated land. Edge forests also provide shade, shelter and nourishment for fish and amphibians, so synergies and interaction effects with nature management are also facilitated. The indicator thus seems relevant and appropriate, despite somewhat low efficiency as a result of own GIS analyses. Then this per August 2022 has not been done for Trondheim municipality, there is currently no basis for being able to assess the indicatorbased on all the assessment criteria</t>
  </si>
  <si>
    <t>While the summer student comments point to important benefits for edge vegetation, edge vegetation not only useful in agricultural areas. It stabilizes the river bank and acts as a safeguard against erosion from rainfall. We agree that data acquisition can be quite time-consuming, and the indicator says nothing about the quality of the vegetation. The term "edge vegetation" should also be defined, e.g. minimum width. We have for now deleted this indicator.</t>
  </si>
  <si>
    <t>BGF is a tool that ensures predictability for developers with regard to requirement for outdoor space when that applies to water management, vegetation and biodiversity in construction projects. The framework requirement is set to ensure minimum stormwater management and vegetation in accordance with current laws and guidelines Future cities (Cities of the Future, 2016).</t>
  </si>
  <si>
    <t>We keep this indicator.</t>
  </si>
  <si>
    <t>Proportion of building projects that use the blue-green factor measured against the total number of building projects</t>
  </si>
  <si>
    <t>A challenge with the combined pipe network is the generation of extraneous water in the treatment plant; water that initially does not need treatment, which takes up both capacity and resources in treatment plants and drainage network. With climate adaptation and separation of the pipe network, a proportion of extraneous water is expected in the sewage network to be reduced over time. However, it is most important to reduce extraneous water associated with days with a lot of rainfall, as these give the greatest potential for damage and capacity problems. It is most important to reduce rapid rainfall-generated extraneous water, but there is currently no temporal resolution of this, nor a good filtration of different types of extraneous water. For higher relevance is suggested an indicator that can measure changes in rapid rainfall-generated extraneous water share over time, and preferably specifically linked to heavier and or longer-lasting rainfall events (Trondheim municipality, 2013). To increase the temporal resolution of extraneous water, extraneous water can be calculated based on total water quantity - (expected waste water from consumers + base inflow). Such data with daily or hourly resolution can further be studied against known precipitation events of a defined size/intensity, for example with data from the Norwegian Climate Service Centre. This will allegedly increase both validity and relevance, and thus also overall suitability, despite lower efficiency.</t>
  </si>
  <si>
    <t>We agree with the proposal, but it will require separate calculations and analyses. It is possible this will bemore relevant for the largest municipalities/further municipalities. Furthermore, relevance is probably lower than indicated here. If one were to divide the indicator according to the area and type of extrangeous water, the indicator would probably be less available and more complicated to calculate. We have deleted this indicator.</t>
  </si>
  <si>
    <t>E-coli: Proportion of residents connected to municipal water works with satisfactory test results  </t>
  </si>
  <si>
    <t>Interpretable</t>
  </si>
  <si>
    <t>Sensitive</t>
  </si>
  <si>
    <t>To what extent are climate-related incidents part of the municipality's overall ROS?</t>
  </si>
  <si>
    <t>This is expected to depend to a large extent on the age of the ROS. It is also a subjective assessment, making it difficult to compare results between municipalities.</t>
  </si>
  <si>
    <t>Risk assessment</t>
  </si>
  <si>
    <t>Several municipalities commented that 2090 is too distant, and it was suggested to split up the indicator into several ones with shorter time horizons. There was also apparent lack of knowledge of what a climate change vulnerability analysis entails.</t>
  </si>
  <si>
    <t>This is an important indicator. It was suggested that it would be useful to link it to the risk analysis and annual reporting.</t>
  </si>
  <si>
    <t>Evaluation</t>
  </si>
  <si>
    <t>This is a useful indicator for applying political pressure. At least one municipality has assigned a full-time position for specific climate risks, but it was also raised that it can be difficult for small municipalities to find resources for this.</t>
  </si>
  <si>
    <t>Resources</t>
  </si>
  <si>
    <t>Has the municipality established an interdisciplinary/sectoral group or routines for interdisciplinary cooperation for climate adaptation?</t>
  </si>
  <si>
    <t xml:space="preserve">There is experience with such cross-sectoral collaboration, for example in large construction projects and the development of regulation plans. </t>
  </si>
  <si>
    <t>Cross-sectoral collaboration</t>
  </si>
  <si>
    <t>Is there a contingency plan  (beredskapsplan) for:</t>
  </si>
  <si>
    <t>This indicator should be adjusted to reflect local climate hazards. There was again discussion about the age of the plans, as well as to what extent the execution of these plans is tested or practiced for. This is generally governed by the statsforvalteren, but can also be done by the municipality itself.</t>
  </si>
  <si>
    <t>Emergency preparedness</t>
  </si>
  <si>
    <t xml:space="preserve">b) forest fire </t>
  </si>
  <si>
    <t>d) drought</t>
  </si>
  <si>
    <t>Proportion of the climate adaptation challenges identified in the ROS analysis that specific measures have been prepared for</t>
  </si>
  <si>
    <t>This may be difficult to answer. Climate risk and preventive measures can have significant differences in severity and cost, so an overall number may not be informative.</t>
  </si>
  <si>
    <t>Planning</t>
  </si>
  <si>
    <t>Proportion of regulatory plans that are within risk areas for climate-related natural hazards that have documented risk management in the form of determination/consideration zone </t>
  </si>
  <si>
    <t>Has an overall ROS analysis (according to the Planning and Building Act) been prepared for the municipality as a whole?</t>
  </si>
  <si>
    <t>It is more interesting to focus on how old the ROS is, as the standard turnover time of 10 years is very long and the choice to update is a political one.</t>
  </si>
  <si>
    <t>How many of the focus areas of NOU 2010:10 ‘Adapting to a changing climate’ does the ROS analysis consider?</t>
  </si>
  <si>
    <t xml:space="preserve">It was noted that it is mandatory to include all these areas in the ROS to get it approved. A suggestion was made to have indicators that address red or yellow findings of the ROS. It was also mentioned that it is important to have a baseline to compare to. This indicator is difficult to compare between municipalities. The level of competence is also expected to vary between large, medium and small municipalities. </t>
  </si>
  <si>
    <t>a)        natural environment</t>
  </si>
  <si>
    <t>b)        human health and safety</t>
  </si>
  <si>
    <t>c)        infrastructure and buildings</t>
  </si>
  <si>
    <t>d)        business and industry</t>
  </si>
  <si>
    <t>e)        society</t>
  </si>
  <si>
    <t xml:space="preserve">Several municipalities commented on the phrase ‘concrete targets’, particularly in the context of the municipal plan. They questioned whether quantified goals should or can be part of the municipal plan, or whether they are more at home in more specific documents such as the climate plans or building regulations. </t>
  </si>
  <si>
    <t>Goals and strategies</t>
  </si>
  <si>
    <t>Have strategies and measures been developed to involve the municipality's residents in the climate adaptation work?</t>
  </si>
  <si>
    <t>Several municipalities took issue with the word ‘strategies’ as this has a specific meaning in the political context. It was suggested to change this to ‘methods’ to clarify that it is not necessary to develop an official strategy document to fulfil this indicator. Overall, the municipalities were unsure how to engage citizens, and are not sure how to measure their engagement level. Suggestions included tracking meeting attendance or number of responses to surveys and public hearings.</t>
  </si>
  <si>
    <t>Citizen engagement</t>
  </si>
  <si>
    <t>There may be other plans that could be added here, for example for critical infrastructure or cultural monuments. In the context of parks and green spaces it was raised that these can both have an adaptive function (for example slowing runoff) but can also themselves be vulnerable to climate hazards (for example flooding).</t>
  </si>
  <si>
    <t>Maintenance</t>
  </si>
  <si>
    <t>Reactions to this indicator varied, with some suggesting additional options such as the county, and other preferring a shorter list of maximum three options.</t>
  </si>
  <si>
    <t>Proportion of climate adaptation measures carried out according to plan</t>
  </si>
  <si>
    <t>There was strong support for splitting this indicator into two or three steps: the measures, the plans and the implementation. In addition, it is important to keep track of the effect of the implementation. It was noted that this can be difficult to get and keep an overview of, and budget needs to be set aside for this. Some municipalities are planning to implement a new system  which combines analysis, planning, target and result management, budgeting, reporting and political involvement into one tool, which they expect will make tracking and budgeting for climate change adaptation easier. Another comment was that there can be large variation in the types of measures and associated costs (e.g. cleaning gutters vs. flood prevention), and combining these into one indicator is not very useful.</t>
  </si>
  <si>
    <t>The data for this is simple and easily accessible via KOSTRA. However, it would also be useful to look at dimensioning and the applied climate surcharge. Does KOSTRA also report data on this? </t>
  </si>
  <si>
    <t>Water management</t>
  </si>
  <si>
    <t>Colour: Proportion of residents connected to municipal water works with satisfactory test results  </t>
  </si>
  <si>
    <t>Water provision</t>
  </si>
  <si>
    <t xml:space="preserve">There was some uncertainty about the definitions of ‘exposed area’ and ‘edge vegetation’ and the availability of data on this. </t>
  </si>
  <si>
    <t>As with T2, the question was raised which plans this indicator covers. How can this be followed up on in practice? And how does the relevance of this indicator vary between urban and rural settings? A possible rephrasing could be ‘Proportion of construction projects that have used the blue-green factor as a basis’.</t>
  </si>
  <si>
    <t>Blue-green factor</t>
  </si>
  <si>
    <t>One municipality raised the issue of ‘residual risk’. Was the risk zone mapped before and/or after security measures were implemented? If a survey has not been carried out after the security measures have been put in place, it may be uncertain whether the building is secured well enough according to the requirements in TEK17 For example, in Gartveit, Øystese, buildings are secured with a security fence (1/333), but the houses that are "secured" are not safe enough based on the requirements in TEK17 (1/1000). There are many such security measures in Norway that do not secure well enough according to TEK requirements, and where the residual risk is uncertain. Nevertheless, it is important to get an overview of security measures in the municipality.</t>
  </si>
  <si>
    <t>Fraction permeable surfaces in built area (including green roofs)</t>
  </si>
  <si>
    <t>There is a need for clear definitions of ‘built area’ and ‘permeable’ – what is permeable enough to qualify? A suggestion was made to create a national system or routines for GIS analyses to calculate this. Some municipalities expressed doubt over the relevance for more rural areas without dense urban areas.</t>
  </si>
  <si>
    <t>Investment support from NVE for landslide and flood protection</t>
  </si>
  <si>
    <t>Although this was seen as an important indicator, several issues were raised. First, how far back in time should one go? Secondly, it should be taken into consideration that this is in large part dictated by NVE’s budget and the length of the waiting list to get support. The indicator should be split into need for support, requested support and granted support.</t>
  </si>
  <si>
    <t>Economic</t>
  </si>
  <si>
    <t>Proportion of residents connected to facilities where cleaning requirements are met</t>
  </si>
  <si>
    <t>Basement flooding where the municipality acknowledges responsibility</t>
  </si>
  <si>
    <t>A relevant indicator, but the cause of the flooding should be clarified. Would it also be relevant to look at total cases of basement flooding and not just those where the municipality acknowledges responsibility? Some municipalities have a ban on basements.</t>
  </si>
  <si>
    <t>Heat stress in urban environments: number of hot days measured at urban weather stations compared to number of hot days measured nationally/at rural weather stations</t>
  </si>
  <si>
    <t>There was little recognition among the municipalities that this is an issue currently, but it is expected to become more relevant and should be considered as a long-term indicator.</t>
  </si>
  <si>
    <t>Heat stress</t>
  </si>
  <si>
    <t>Annual payouts/number of cases through:</t>
  </si>
  <si>
    <t>Own data</t>
  </si>
  <si>
    <t>Formulating concrete targets is a crucial step in a municipality’s adaptation efforts. By anchoring these into all parts of the municipal plan, the value and importance of adaptation gains legitimacy.</t>
  </si>
  <si>
    <t>It is important to have an up-to-date ROS to identify and understand the physical risks facing the municipality.</t>
  </si>
  <si>
    <t># or scale</t>
  </si>
  <si>
    <t>This indicator assesses the breadth of the ROS in terms of affected areas of interest.</t>
  </si>
  <si>
    <t>NOU 2010:10 (NO)</t>
  </si>
  <si>
    <t>NOU 2010:10 (EN)</t>
  </si>
  <si>
    <t>Scale</t>
  </si>
  <si>
    <t> Own data</t>
  </si>
  <si>
    <t>This indicator highlights the importance of including climate risk and vulnerability in the ROS.</t>
  </si>
  <si>
    <t>This indicator addresses the need for considering the potential impacts of expected climate change, so that future risks can be reduced. The target year can be adjusted, for example to 2100, to accommodate for differences in scenario analyses done for the municipality.</t>
  </si>
  <si>
    <t>Once the risks are identified, they must be addressed. This indicator tracks the progress in planning for adaptation.</t>
  </si>
  <si>
    <t>This indicator highlights the importance of incorporating climate change vulnerability in all planning stages.</t>
  </si>
  <si>
    <t xml:space="preserve">In addition to reducing risk, it is paramount to be prepared for when an unavoidable disaster occurs. </t>
  </si>
  <si>
    <t>% or #</t>
  </si>
  <si>
    <t>Input</t>
  </si>
  <si>
    <t>Climate change adaptation is a complex matter. This indicator reminds users that it is valuable to set aside time for coordinating the efforts.</t>
  </si>
  <si>
    <t>Evaluation is an integral part of  </t>
  </si>
  <si>
    <t xml:space="preserve">Climate change may lead to increased maintenance needs. </t>
  </si>
  <si>
    <t>It has been shown that citizen involvement is important for successful and equitable development (Brink and Wamsler, 2018; Rivas et al., 2021).</t>
  </si>
  <si>
    <t>This indicator highlights the importance of broad collaboration within the municipality.</t>
  </si>
  <si>
    <t xml:space="preserve">This indicator focuses on wider collaboration across governance levels, sectors and borders. </t>
  </si>
  <si>
    <t>Risk</t>
  </si>
  <si>
    <t>Rx1</t>
  </si>
  <si>
    <t>This indicator tracks progress in the risk mapping process.</t>
  </si>
  <si>
    <t>NVE Aktsomhetskart Kystverket </t>
  </si>
  <si>
    <t>Rx2</t>
  </si>
  <si>
    <t>NVE risikoområde kart</t>
  </si>
  <si>
    <t>Rx3</t>
  </si>
  <si>
    <t>Rx4</t>
  </si>
  <si>
    <t>NVE risikoområde kart </t>
  </si>
  <si>
    <t>Rx5</t>
  </si>
  <si>
    <t>Output</t>
  </si>
  <si>
    <t>NVE sikringstiltak kart</t>
  </si>
  <si>
    <t>Combining this indicator with R4 gives a more realistic indication of vulnerability and progress in adaptive capacity.</t>
  </si>
  <si>
    <t> GIS, aerial photos  </t>
  </si>
  <si>
    <t>NOK/yr</t>
  </si>
  <si>
    <t> NVE, own data</t>
  </si>
  <si>
    <t>Hours/yr</t>
  </si>
  <si>
    <t>Outcome</t>
  </si>
  <si>
    <t>#</t>
  </si>
  <si>
    <t>Overløpsdrift fra nettet % av pe tilknyttet ledningsnettet  </t>
  </si>
  <si>
    <t>Days/yr</t>
  </si>
  <si>
    <t>Norsk Klimaservicesenter</t>
  </si>
  <si>
    <t># or NOK/yr</t>
  </si>
  <si>
    <t>b) Landbruksdirektoratet, Kunnskapsbanken</t>
  </si>
  <si>
    <t>c) VASK (Finans Norge), Kunnskapsbanken</t>
  </si>
  <si>
    <t>d) Miljødirektoratet</t>
  </si>
  <si>
    <t>e) Statsforvalteren, own data</t>
  </si>
  <si>
    <t>f) Statsforvalteren, Kommunal- and regionaldepartementet, and own data</t>
  </si>
  <si>
    <t>What proportion/number of person-years is set aside for coordinating climate adaptation work?</t>
  </si>
  <si>
    <t>I guess the relevance depends on which blue/green factor they choose? Don't quite understand how the indicator is meant</t>
  </si>
  <si>
    <t>Does this also include quality/categorisation of edge vegetation as in DAS?</t>
  </si>
  <si>
    <t>Better than the previous since it is related to pipe lenghts</t>
  </si>
  <si>
    <t>Relevance for RFF unclear</t>
  </si>
  <si>
    <t>Data avaiability</t>
  </si>
  <si>
    <t>See above. evaluated by summer student. More relevant for risk assessment, not necessarily CCA, and m2 doesn't directly correspond to actual m2 affected; doesn't take into account different floors incl. cellars</t>
  </si>
  <si>
    <t>A somewhat less detailed (opposite) version of #250, which should be preferred. comment summerstudent: Vanskelig å kvantifisere/tallfeste innbyggerantall og følgelig innbyggerandel, da  innbyggerstatistikk  på laveste geografiske nivå som er tilgjengelig er på grunnkretsnivå. Kan brukes til å visualisere hvor hvilke høyt befolkede områder som overlapper med risikoområder, men tallfesting blir feilaktig, og relevansen og validiteten blir dermed også lav. Maybe easier with number of buildings?</t>
  </si>
  <si>
    <t>Consider removing "sea level rise" from the indicator title. The focus is buildings exposed to risk, not SLR per se (which is hardly measurable over a 4 year period). Few health/care services buildings per municipality, rather choose next indicator. evaluated by summer student. More relevant for risk assessment, not necessarily CCA, and m2 doesn't directly correspond to actual m2 affected; doesn't take into account different floors incl. cellars</t>
  </si>
  <si>
    <t>Regresskrav om at det ikke burde vært gitt byggtillatelse etter en hendelse. Tilgjengelig info. Jeg mener det er en pekepin på hvordan planarbeidet gjennomføres</t>
  </si>
  <si>
    <t>Ekstraordinære skjønnsmidler er øremerket for et formål og bør kunne spores. Mulig det er få tilfeller, og det registreres ikke systematisk</t>
  </si>
  <si>
    <t>Man søker om skjønnsmidler, og det bør kunne merkes</t>
  </si>
  <si>
    <t>Landbruksdirektoratet publiserer aggregert statistikk for hele landet. Kunnskapsbanken har per sak (tror jeg)</t>
  </si>
  <si>
    <t>Finans Norge har statistikk per fylke. Kommunalbanken har</t>
  </si>
  <si>
    <t>Number of flood alerst itself doesn't have to do with assessing climate change adaptation. Sensitivity: Decrease/unchanged numbers of alerts may be a result of mitigation measures, but hard to establish causality.should be per time unit. Question of how sensitive this is adaptation efforts</t>
  </si>
  <si>
    <t>limited to household impact, ignores e.g. public and commercial spaces. Good data availability and is tracked already to highly effective, but low reliability; doesn't distinguish between impact of increase in extreme events and increase in adaptation efforts</t>
  </si>
  <si>
    <t>The indicator makes less sense without knowledge on the proportion of roads that are in risk areas (#255). reporting on security measures gives a more sensitive indicator. Dpesn't say anything about importance of the road though (how much is actual accessibility impacted if this road closes?) and lacks link with actual risk (and thus how much the risk is reduced). maybe change to 'roads not in risk areas or secured against risk'?</t>
  </si>
  <si>
    <t>Addresses risk mitigation, not land-use planning. relevant, but data is probably not available/takes a lot of effort to collect. Can we have a general indicator on measures? They could be so different and have different efficiency…</t>
  </si>
  <si>
    <t>Hard to interpret: High score might be good (risk prevention has been prioritized) AND bad (large proportion of population rezides in risk prone areas). Sensitivity: Change can be due to moving of residents instead of risk measures taken. Maybe easier with an indicator on % of people living in flood-prone areas?</t>
  </si>
  <si>
    <t>Can we have a general indicator on measures? They could be so different and have different efficiency… Maybe easier with an indicator on % of buildings in flood-prone areas? Difficult as it is phrased at the moment, since the effect of measrues can vary, als different measuer, etc. relevant, but data is probably not available/takes a lot of effort to collect</t>
  </si>
  <si>
    <t xml:space="preserve">Kan bli en indikator dersom det inngår i rutine for tilstandsrapportering </t>
  </si>
  <si>
    <t>Assumes that a climate change adaptation plan exists. If yes, then a relevant indicator.</t>
  </si>
  <si>
    <t>Vurdert av TK. For få planer. Foreslått tatt ut</t>
  </si>
  <si>
    <t>Se KFS_F3 (Indikator 2.0)</t>
  </si>
  <si>
    <t>Vurdert egnet av TK</t>
  </si>
  <si>
    <t xml:space="preserve">Vurdert av TK. Relativt enkelt å telle opp </t>
  </si>
  <si>
    <t xml:space="preserve">Summerstudent: Egne data, kan være vanskelig å tallfeste. Mtp gjennomførbarhet over tid, vurderes ikke denne som relevant for kommunen. Dette begrunnes med at man må gå gjennom alle politiske saker manuelt. </t>
  </si>
  <si>
    <t>Bør deles per plantype. Tidkrevende</t>
  </si>
  <si>
    <t>replace with "What proportion of the climate adaptation challenges identified in the ROS analysis has a measure card (tiltakskort) been prepared for? (Et tiltakskort er en huskeliste, som brukes til kvalitetssikring for de ulike oppgaver og ansvar i forbindelse med krise og beredskap.)"</t>
  </si>
  <si>
    <t>På sikt. Se lang forklaring av PBA6 i 2.0-indikatorsettet</t>
  </si>
  <si>
    <t>Krever at man skaffer seg oversikt over planer</t>
  </si>
  <si>
    <t>Kan deles i to: Har laget klimasårbarhetsanalyse - Har langsiktig klimasårbarhetsanalyse. Lang sikt bør inngå i all</t>
  </si>
  <si>
    <t>Krever manuell gjennomgang av kommuneplanens arealdel</t>
  </si>
  <si>
    <t>Krever manuell dokumentgjennomgang, og er skjønnsavhengig. På sikt kan man endre rutiner for rapportering, og gjøre datainnhenting mer effektivt</t>
  </si>
  <si>
    <t>Comments</t>
  </si>
  <si>
    <t>Generalisability</t>
  </si>
  <si>
    <t>Researchers' quality assessment</t>
  </si>
  <si>
    <t>Comments researchers</t>
  </si>
  <si>
    <t>Behov for spesifisering
- Avklaring av tid
- Hva er en revidert reguleringsplan?
Kan ha en indikator for alle gjeldende reguleringsplaner, ikke kun reviderte
Burde relateres relevante risikoer (ikke havnivåstigning for et hyttefelt på fjellet)
Kan være utfordrende å følge opp</t>
  </si>
  <si>
    <t>Vedlikehold er klimatilpasning i seg selv
Vanskelig å skille mellom vedlikehold knyttet til klimaendringer (vs. eksisterende klima)
Digitalisering hjelper
Klimaendringer burde nevnes spesifikt ifm investeringer og ROS</t>
  </si>
  <si>
    <t>Det finnes tilgjengelige data på dette</t>
  </si>
  <si>
    <t>Faresonekartene er ikke detaljerte og dekker store områder
Hva menes med andel (andel av hva - strekning eller antall?)
Bør finnes en indikator som måler hvor effektive sikringstiltakene er
Gradering av tiltak
Burde være en indikator på strekninger med behov for sikringstiltak</t>
  </si>
  <si>
    <t>Det finnes tilgjengelige data</t>
  </si>
  <si>
    <t>Noen kommuner har gjort en slik kartlegging
Materialtype er relevant (ikke bare dimensjoner)</t>
  </si>
  <si>
    <t>Det finnes ikke nødvendigvis tilgjengelige data på dette
Det løses per byggesak, og det er ikke alltid det blir søkt om å koble seg på
Krever deling av data (bl.a fra fylkeskommunen)
Kan være stor variasjon mtp lokasjon (sentrum vs utenfor sentrum)
Man må gå inn i planer og plandokumenter for å finne lokale overvannstiltak (åpning av bekker, holde bekker åpne, type dekke, etc.)</t>
  </si>
  <si>
    <t>Beredskapsplanen utarbeides ikke per vannkilde
Det eksisterer både kommunale og private drikkevannskilder
Mattilsynet sjekker de private drikkevannskildene
Kommunene bør ha oversikt over de kommunale drikkevannskildene
Bør omformuleres
- Kan bytte ut beredskapsplan med ROS
- Kan bytte ut drikkevannskilder med vannverk eller vannforsyning</t>
  </si>
  <si>
    <t>Hva menes med husholdningstimer?
Er hytter inkludert?
Kan det som skyldes klimarelaterte hendelser skilles ut?</t>
  </si>
  <si>
    <t>Vannverk forsyner også andre abonnenter, som industri, helse og omsorg, så kanskje abonnenttimer eller forsyningstimer er bedre
Må skille på årsak til at vannet blir skrudd av (kvalitet eller brudd)
Bør være en indikator for vannkvalitet i tillegg</t>
  </si>
  <si>
    <t>Bør skilles på om det er omkjøringsmuligheter
Bør skilles på type vei (kommunal vei, fylkesvei og riksvei</t>
  </si>
  <si>
    <t>Er dette egentlig en resultatindikator?
Varsling i forkant av en hendelse – presiser (fra hvem til hvem)
Bør også ha en indikator på hvor mange hendelser som inntreffer, per naturhendelse</t>
  </si>
  <si>
    <t>Bygg som er registrert i matrikkelen er også kategorisert i sikkerhetsklasser
Bør ha indikatorer for andre kritiske funksjoner (brann, skole og barnehage)</t>
  </si>
  <si>
    <t>Krever et relativt stort arbeid med datainnhenting
Kan være mer hensiktsmessig å basere indikatoren på bygningstype
Bør kunne skille på hvilke faresoner som lå til grunn da byggesaken ble innvilget (dato for løyve)</t>
  </si>
  <si>
    <t>Det er enklere å hente inn data for type bygg</t>
  </si>
  <si>
    <t>Dersom det ikke finnes faresonekart fra NVE, krever det en større kartleggingsjobb
Omkjøringsmuligheter bør inkluderes</t>
  </si>
  <si>
    <t>Bedre å be om andel som er lukket?
I tillegg bør det være en indikator på antall kritiske punkt og bekkeinntak for å få frem der det kan skje tetting og skade på hus
Alternative vannveier bør inkluderes
Plandokumenter er relevant for tiltak, mens man i byggesaker finner søknader om tiltak (og tilsyn)</t>
  </si>
  <si>
    <t>Denne kan bli relevant litt lenger frem i tid, når blågrønn faktor ev. blir et krav og det registreres</t>
  </si>
  <si>
    <t>Set V1</t>
  </si>
  <si>
    <t xml:space="preserve">a)       Community section </t>
  </si>
  <si>
    <t>b)       Area section</t>
  </si>
  <si>
    <t>a)       natural environment</t>
  </si>
  <si>
    <t>b)       human health and safety</t>
  </si>
  <si>
    <t>c)       infrastructure and buildings</t>
  </si>
  <si>
    <t>d)       business and industry</t>
  </si>
  <si>
    <t>e)       society</t>
  </si>
  <si>
    <t xml:space="preserve">a)       drinking water </t>
  </si>
  <si>
    <t xml:space="preserve">b)       forest fire </t>
  </si>
  <si>
    <t>c)       flooding</t>
  </si>
  <si>
    <t>d)       drought</t>
  </si>
  <si>
    <t>e)       quick clay</t>
  </si>
  <si>
    <t>f)        other types of landslide and rockfall</t>
  </si>
  <si>
    <t>Share of municipal combined sewage pipes (Length of combined sewer pipelines for both sewage and stormwater (km) / Total length of sewage pipeline (km))</t>
  </si>
  <si>
    <t>The suggested unit for this indicator is hours/year. Would the number of overspills be better? </t>
  </si>
  <si>
    <t xml:space="preserve">Overløpsdrift fra nettet % av pe tilknyttet ledningsnettet </t>
  </si>
  <si>
    <t>Comments from practitioners</t>
  </si>
  <si>
    <t>Veldig lik P5 (konkretiskert hvilket dok). Vurdert egnet. Kyrre: Viktig at CCA-mål er nedfelt i kom.planen (samf.del og/eller arealdel), gitt at indikatoren omfattar både KPS og KPA meiner eg key indicator = 5.</t>
  </si>
  <si>
    <t>P2 bør deles i to. Prosessindikator, nivå 1: Har kommunen en overordnet ROS?</t>
  </si>
  <si>
    <t>For snevert dersom vi skal ha berre éin indikator på planlegging.</t>
  </si>
  <si>
    <t>Kjelleroversvømmese totalt ant/1000 person tilknyttet (denne skiller ikke ut klimarelaterte hendelser, men kan kanskje breukesmed indikatoren "Kjelleroversvømmleser der kommunen anerkjenner ansvarer? Begge rapporteres i KOSTRA)</t>
  </si>
  <si>
    <t>Overløpsdrift fra nettet % av pe tilknyttet ledningsnettet (altrerativ til overløpsdrift i timer)</t>
  </si>
  <si>
    <t>Quality assessment</t>
  </si>
  <si>
    <t>Workshop 1 (Relevance of indicators)</t>
  </si>
  <si>
    <t>Workshop 2 (Scoring on quality criteria)</t>
  </si>
  <si>
    <t>What proportion of the risks in the municipality's climate profile are covered in the overall ROS?</t>
  </si>
  <si>
    <t>b) 2050</t>
  </si>
  <si>
    <t>c) 2100</t>
  </si>
  <si>
    <t>Have methods been developed to involve the municipality's residents in the climate adaptation work?</t>
  </si>
  <si>
    <t>Have measures been implemented to involve the municipality's residents in the climate adaptation work?</t>
  </si>
  <si>
    <t>P21</t>
  </si>
  <si>
    <t>Do you have a person responsible for coordinating the climate change adaptation work in the municipality?</t>
  </si>
  <si>
    <t>Has the municipality developed provisions on and/or guidelines for climate adaptation for use in work with zoning plans?</t>
  </si>
  <si>
    <t>Proportion of revised zoning plans that have included climate adaptation measures in relation to the total number of revised zoning plans</t>
  </si>
  <si>
    <t>Proportion of zoning plans that are within risk areas for climate-related natural hazards that have documented risk management in the form of determination/consideration zone </t>
  </si>
  <si>
    <t xml:space="preserve">This is a requirement in TEK17, but many existing zoning plans date from before. It may be more informative and efficient to limit the review to new plans. </t>
  </si>
  <si>
    <t>What proportion of zoning plans since year 0 are within risk areas for climate-related damage?</t>
  </si>
  <si>
    <t>a) Area regulation</t>
  </si>
  <si>
    <t>b) Detailed regulation</t>
  </si>
  <si>
    <t>Proportion of zoning plans that are within risk areas for climate-related natural hazards since year 0 that have documented risk management in the form of determination/consideration zone </t>
  </si>
  <si>
    <t>Is there a contingency plan for:</t>
  </si>
  <si>
    <t>When were the contingency plans last updated?</t>
  </si>
  <si>
    <t>Share of the municipality's drinking water sources for which contingency plans have been drawn up, considering changes in vulnerability and quality as a result of climate change</t>
  </si>
  <si>
    <t>P18</t>
  </si>
  <si>
    <t>f) between municipalities and public actors</t>
  </si>
  <si>
    <t>d) between the municipality and the county</t>
  </si>
  <si>
    <t>g) between the municipality and citizens</t>
  </si>
  <si>
    <t>h) Internationally</t>
  </si>
  <si>
    <t>i) With research</t>
  </si>
  <si>
    <t>j) In national climate change adaptation networks</t>
  </si>
  <si>
    <t>P19</t>
  </si>
  <si>
    <t>What proportion of climate change adaptation indicators has a measurement routine been developed for?</t>
  </si>
  <si>
    <t>When did you last evaluate your climate change adaptation work?</t>
  </si>
  <si>
    <t>P20</t>
  </si>
  <si>
    <t>g) wind</t>
  </si>
  <si>
    <t>a) surface water</t>
  </si>
  <si>
    <t>b) flooding</t>
  </si>
  <si>
    <t>c) landslide and rockfall</t>
  </si>
  <si>
    <t>e) storm surge</t>
  </si>
  <si>
    <t>f) sea level rise</t>
  </si>
  <si>
    <t>a) surface water </t>
  </si>
  <si>
    <t>b)flooding</t>
  </si>
  <si>
    <t>c) landslide and rockfall</t>
  </si>
  <si>
    <t>d)quick clay</t>
  </si>
  <si>
    <t>e) storm surge</t>
  </si>
  <si>
    <t>f) sea level rise</t>
  </si>
  <si>
    <t>c) Vannskadeforsikring (vanninntrenging utenfra over og under grunn)</t>
  </si>
  <si>
    <t>Support from NVE for assessment and measures</t>
  </si>
  <si>
    <t>a) Assessment support applied for</t>
  </si>
  <si>
    <t>b) Physical measures support applied for</t>
  </si>
  <si>
    <t>c) Assessment support received</t>
  </si>
  <si>
    <t>d) Physical measures support received</t>
  </si>
  <si>
    <t>a) Natural disaster insurance scheme (Norwegian natural damage pool - NASK) (homes, holiday homes and commercial buildings)</t>
  </si>
  <si>
    <t>b) Natural disaster compensation scheme (Directorate of Agriculture) (private infrastructure)</t>
  </si>
  <si>
    <t>Annual payments/number of cases through the natural disaster insurance scheme (Norwegian natural damage pool - NASK) (homes, holiday homes and commercial buildings)</t>
  </si>
  <si>
    <t>Annual payments/number of cases through the natural disaster compensation scheme (Directorate of Agriculture) (private infrastructure)</t>
  </si>
  <si>
    <t>b) Discretionary grants for climate change adaptation</t>
  </si>
  <si>
    <t>c) Environmental grants (Ministry of Agriculture)</t>
  </si>
  <si>
    <t>Other support schemes:</t>
  </si>
  <si>
    <t>Proportion of residents connected to wastewater treatment plants where treatment requirements are met</t>
  </si>
  <si>
    <t>f) Extraordinary discretionary grants triggered by climate-related natural events</t>
  </si>
  <si>
    <t>d) Extraordinary discretionary grants triggered by climate-related natural events</t>
  </si>
  <si>
    <t>a) The Norwegian Environment Agency's support scheme for climate change adaptation (capacity building)</t>
  </si>
  <si>
    <t>d) The Norwegian Environment Agency's support scheme for climate change adaptation (capacity building)</t>
  </si>
  <si>
    <t>e) Discretionary grants for climate change adaptation</t>
  </si>
  <si>
    <t>Comments from researchers</t>
  </si>
  <si>
    <t xml:space="preserve">Foreslå sjekkliste for miljømål i rapporten. EU Taxonomy, SDGs          </t>
  </si>
  <si>
    <t>Have overall goals and strategies been drawn up for the climate adaptation work? If yes; which planning documents?</t>
  </si>
  <si>
    <t xml:space="preserve">Jevnlig evaluering (P9) Vurdert egnet. Kan likevel i stedet legge det til i anvisningen, om når hver indikator bør vurderes. Fire år kan være lenge for noen? Kyrre: Tilhengar av at rullering inngår i indikatoren. Relevant, lett å overvake. Gjelder klimatilpasning generelt         </t>
  </si>
  <si>
    <t xml:space="preserve">tracks municipalities' progress on addressing identified climate risks. More concrete than alternative indicators of this type. Høyrer ikkje denne indikatoren til gruppe "ROS"? Har kommunene rutiner på dette? Kan omformuleres til andel farer det er utarbeidet tiltaksplaner for         </t>
  </si>
  <si>
    <t xml:space="preserve">Viktig tema, men fare for at denne kan bli tolka for "velvillig". Kan vi skjerpe vilkåra for å få godkjent på denne indikatoren? Innbyggerinvolvering. Prosessindikator 1.0? Kommunikasjon, åpne dok         </t>
  </si>
  <si>
    <t xml:space="preserve">could be relevant, but highly dependent on existence of weather stations. It's important that it's a comparison of URBAN hot days to some sort of average, so it can track progress in reducing UHI effect.        Kyrre: I suggest this as one of two outcome indicators. UHI should be addressed, as vulnerability to urban heat probably will increase in the coming decades. Measures against UHI often have co-benefit effects. Lilo: agree it's an important one to keep. Need to be careful with (lack of) data density and comparability of stations, e.g. comparing downtown Oslo to a station in Nordmarka that is 300m higher is a bit complicated. </t>
  </si>
  <si>
    <t xml:space="preserve">Støtte fra NVE til klimatilpasningstiltak. Make generic to all climate risks? Underspørsmål med risikotyper         </t>
  </si>
  <si>
    <t xml:space="preserve">I think this will be inaaccurate on municipal level          </t>
  </si>
  <si>
    <t xml:space="preserve">Krever en del arbeid med gjennomgang av planer og GIS-analyse. Veldig relevant indikator. Reguleringsplan         </t>
  </si>
  <si>
    <t xml:space="preserve">Veldig lik P5 (konkretiskert hvilket dok). Vurdert egnet. Kyrre: Viktig at CCA-mål er nedfelt i kom.planen (samf.del og/eller arealdel), gitt at indikatoren omfattar både KPS og KPA meiner eg key indicator = 5. kommuneplanens samfunnsdel. Utvid til arealdelen         </t>
  </si>
  <si>
    <t xml:space="preserve">Beredskapsplan flom %? Make generic to all physical risks?  Beredskapsplan per sårbarhet (Menon har drikkevann og skogvann, mens Klostermann foreslår flom) Beredskapsplan a) flom, b) drikkevann, c) skogbrann, ..         </t>
  </si>
  <si>
    <t xml:space="preserve">Separate sewage/stormwater systems are more climate adapted, so this fraction should decrease over time https://www.fhi.no/nettpub/hin/skader/skader-og-ulykker-i-norge/       Kyrre: I suggest this output indicator as municipalities should be encouraged to separat sewage and stormwater pipes, and because the data are available.  </t>
  </si>
  <si>
    <t xml:space="preserve">Viktig tema, men spørsmålet er formulert for vidt. Evt. "er CCA-strategi følgt opp med tiltak i sektorvise planar --&gt; i så fall, kor mange?" som bokstav b til indikator 1 her? Gjelder kun planer og strategier         </t>
  </si>
  <si>
    <t xml:space="preserve">Tre indikatorer + en om nettverk? Sier ikke noe om hvor godt samarbeidet er… samarbeid innad, mellom kommuner, statsforv, næring, befolkning, internasjonalt         </t>
  </si>
  <si>
    <t xml:space="preserve">Typically the municipalities measure time the CSO are in operation (so the unit could be "total hours/year")        Kyrre: I suggest this as one of two outcome indicators. Combined sewer overflow is easy to measure,  the indicator puts the spotlight on a widespread vulnerability and on the need to separate drains.  </t>
  </si>
  <si>
    <t xml:space="preserve">Could  be hard to differ between traditional and LOD solutions in cases where hybrid solutions apply.          </t>
  </si>
  <si>
    <t xml:space="preserve">concrete = SMART </t>
  </si>
  <si>
    <t>comment about how often is good, also linking to latest TEK updates for example</t>
  </si>
  <si>
    <t>Based on TRD discussion, more concrete link btw expected climate risks and ROS. If no klimasårbarhetsanalyse has been done, can base on regional klimaprofil</t>
  </si>
  <si>
    <t>When was the overall ROS last updated?</t>
  </si>
  <si>
    <t>Does the overall ROS consider expected climate change for:</t>
  </si>
  <si>
    <t>d) Beyond 2100</t>
  </si>
  <si>
    <t>Has the municipality made a vulnerability analysis for climate change for:</t>
  </si>
  <si>
    <t>a) 2030</t>
  </si>
  <si>
    <t>have changed the order of P5 and P4 to make more sense, added short/medium/long to make it less tied to specific dates</t>
  </si>
  <si>
    <t>Year 0 (suggestion is 2020 but municipality can set their own Y0 depending on how far back they want to go). Reporting per year enables identification of trends. Optionally break down in different types of plans, which can be determined by the municipality</t>
  </si>
  <si>
    <t>Indicators (used in WS2)</t>
  </si>
  <si>
    <t>Indicators (used in WS3)</t>
  </si>
  <si>
    <t>Needs clearer criteria; subjective assessment may vary.</t>
  </si>
  <si>
    <t>Some municipalities have clear goals; others lack specificity.</t>
  </si>
  <si>
    <t>The guidance should link to the climate profiles and mention that these profiles apply at the county level.</t>
  </si>
  <si>
    <t>There is a need for an indicator on political anchoring, in addition to including residents.  Example: Trondheim’s climate adaptation thematic plan was approved this year, with 66 proposed measures. Various municipal units are responsible for follow-up. Reporting on these measures is done in the municipality’s annual report, summarizing whether the measure is implemented, initiated, or not initiated. Voss municipality has developed an action section in “Vossaklima 2030” with 44 measures. The indicators should help the municipality live up to its strategy.</t>
  </si>
  <si>
    <t>This refers to involvement beyond fulfilling the Planning and Building Act (PBL). Voss has good experience with citizen involvement through the development of “Vossaklima 2030.” They have reached out to youth through school visits, hosted expert lunches at the town hall, climate cafés, and public meetings, and contacted volunteer organizations. The knowledge base has been presented to the Norwegian Environment Agency, with input to the climate plan.</t>
  </si>
  <si>
    <t>Clarify whether this refers to zones of consideration, caution zones, or hazard zones. Describe the methodology in the guidance to ensure consistency.</t>
  </si>
  <si>
    <t>Some municipalities report annually; others lack systems.</t>
  </si>
  <si>
    <t>Often missing; needs institutionalization.</t>
  </si>
  <si>
    <t>This data generally is not collected, but it can be a good indicator in that it shows whether the municipality/politicians have considered climate change in their investments – it is important that climate adaptation is anchored among politicians.</t>
  </si>
  <si>
    <t>Can be difficult to define support on an annual basis.</t>
  </si>
  <si>
    <t>Difficult to get correct numbers without manually counting all subscribers. Some have septic tanks with overflow to a municipal pipe that goes to the sea and is therefore registered as sewage instead of sludge.</t>
  </si>
  <si>
    <t>If no metadata on the blue-green factor is stored for building case plans or zoning plans when the BGF is established, this will require a manual review of all plans for one year, which would be very time-consuming</t>
  </si>
  <si>
    <t>Volume is a better indicator in terms of validity, but data availability for that is a challenge</t>
  </si>
  <si>
    <t>Many mitigation measures are not mapped. Hazard zones after a measure describe residual risk. Difficult to set a target value for the indicator</t>
  </si>
  <si>
    <t>Subjective assessment. There is a strong need for cross-sectoral work, but it is a challenge to anchor it in the departments. Capacity limits involvement of private actors and residents. The indicators highlight where more effort is needed.</t>
  </si>
  <si>
    <t>Needs national standardization; complex to assess locally.</t>
  </si>
  <si>
    <t>Often overlap with R1; need better data and definitions.</t>
  </si>
  <si>
    <t xml:space="preserve">Relevant indicators when it comes to damages after major extreme weather events. However, miscategorizations reduce validity. </t>
  </si>
  <si>
    <t>Useful but may cover broader topics than adaptation.</t>
  </si>
  <si>
    <t>Useful for tracking infrastructure upgrades. Relevant but difficult to track; data inconsistencies noted.</t>
  </si>
  <si>
    <t>Varies by hazard; some lack plans for drought or quick clay.</t>
  </si>
  <si>
    <t>Clarify whether this refers to zones of consideration, caution zones, or hazard zones. Describe the methodology in the guidance to ensure consistency. GIS expertise required.</t>
  </si>
  <si>
    <t>There is a noticeable need for such a resource. Knowledge is scattered across the organization, making it difficult to gather. Most municipalities lack this; funding needed.</t>
  </si>
  <si>
    <t>Workshop 3 (calculating indicator values)</t>
  </si>
  <si>
    <t>Edvard: burde vi her presisert at det er snakk om beredskapsplan for hvis en klimarelatert hendelse skulle inntre?</t>
  </si>
  <si>
    <t>Similar to new P2b, to highlight the importance to keeping plans up to date with new data and emerging climate risks</t>
  </si>
  <si>
    <t>Coordinating addition of 'formally' to concretise what counts as being set aside - officially part of job description</t>
  </si>
  <si>
    <t>never/sometimes/often is still vague but better than low/med/high. Actual frequency will still vary depending on size of municipality for example</t>
  </si>
  <si>
    <t>added back in based on discussion with TRD (preferred this to cost-benefit analysis)</t>
  </si>
  <si>
    <t>Edvard: bedre med % enn antall, eventuelt kan antall timer bli brukt</t>
  </si>
  <si>
    <t>Edvard: antagelig ikke presis nok ift. klimaendringer, foreslår å ta bort denne</t>
  </si>
  <si>
    <t>Edvard: mest sannsynlig ikke spesifikk nok mot klimaendringer, i tillegg vil responsen for klimaendringer være for treg. Foreslår å ta bort denne</t>
  </si>
  <si>
    <t>Proportion of building projects that have used the blue-green factor as a basis</t>
  </si>
  <si>
    <t>Relevant med både tal utbetalingar og kronebeløp for å fange opp om det er store enkeltutbetalingar?</t>
  </si>
  <si>
    <t>Er dette ein eigna indikator? Seier sjølvsagt noko om aktiviteten på klimatilpassingsfeltet, men mange forhold utanom kommunen sin kontroll som bestemmer om det blir tildelt støtte og kor stort støttebeløpet blir.</t>
  </si>
  <si>
    <t>Set V2</t>
  </si>
  <si>
    <t>Set V3</t>
  </si>
  <si>
    <t xml:space="preserve">this is a nice generalised output indicator. Can add note that this should be split out to specific measures if possible, but this gives at least an overall sense of progress. Might be hard to define 'according to plan'; how do you deal with delays for example?      </t>
  </si>
  <si>
    <t xml:space="preserve">propose to include this as well - measure of human resources available      </t>
  </si>
  <si>
    <t xml:space="preserve">Lang sikt bør inngå i alle relevante dok. Prosessindikator, nivå 1 Klimasårbarhetsanalyse         </t>
  </si>
  <si>
    <t>(bør forenkle indikatorteksten)</t>
  </si>
  <si>
    <t>for each risk (a,b, c…),    (on 'Share of potential danger areas that have had real danger mapping': sea level rise, landslide, river flooding. How is aktsomhet defined vs risk?    Lilo: possible alternative to 'Proportion of area mapped for risk'. Might be more useful to exclude non-danger zones (though real issue with classifying areas as non-danger zone when climate change isn't taken into account in that assessment)      )</t>
  </si>
  <si>
    <t xml:space="preserve">I think these are good indicators   </t>
  </si>
  <si>
    <t xml:space="preserve">Instrumentell indikator med tanke på å motivere til god risikokartlegging.       relevant for infrastrucutre (roads)?   </t>
  </si>
  <si>
    <t xml:space="preserve"> NVE har kart over gjennomførte tiltak (flom og skred). Vedlikehold vet jeg ikke om dokumenteres. https://kartkatalog.nve.no/#kart      Edvard: Link these to the new ones above?   </t>
  </si>
  <si>
    <t>Make more general by including other funding sources? 
Annual payments (number or sum) from the Natural Damage Fund (or insurance companies) for damage to buildings.
Annual payments/number of cases through discretionary grants triggered by climate-related natural events
Annual payments/number of cases through extraordinary discretionary grants triggered by climate-related natural events
Annual payments/number of cases through the natural damage compensation scheme (Directorate of Agriculture) (private infrastructure)</t>
  </si>
  <si>
    <t xml:space="preserve">(on indicators 'Proportion of households/m2 buildings within the municipality's geographical boundaries that are not located in areas that are exposed to a climate risk or are secured against such risk.': Highly relevant, but potentially time consuming to establish. Changed the vurdering from MENON (5); don't think it's sensitive enough. See above…m2 seems strange in this case. Could this be two indicators? 1)not in landslide prone area, 2) secured area. general comment: is it useful to have a set of 'step indicators' for these types of indicators: i.e. a) Proportion of area mapped for risk A, b) Proportion of buildings/people/infra in mapped area, c) Proportion of mapped buildings/people/infra at risk, d) Proportion of mapped at-risk buildings/people/infra secured against risk A. Progress of risk mapping, proportion of XYZ in known risk area, and progress in securing at-risk XYZ are all useful indicators but taken together build a better picture of actual progress, and combining them eliminates 'false' changes due to increased mapping for example.           
Requires GIS work. Could it nor simply be amount of buildings or percentage of housing area? Changed the vurdering from MENON (5); don't think it's sensitive enough         ) </t>
  </si>
  <si>
    <t>Krevande datainnsamling, men viktig og pedagogisk indikator viss den blir ajourført.</t>
  </si>
  <si>
    <t>To what extent is climate change adaptation integrated in the:</t>
  </si>
  <si>
    <t>a) short term (0-10 years)</t>
  </si>
  <si>
    <t>b) medium term (10-30 years)</t>
  </si>
  <si>
    <t>c) Long term (&gt;30 years)</t>
  </si>
  <si>
    <t>d) How long term?</t>
  </si>
  <si>
    <t>To what extent are the municipality's residents involved in your climate change adaptation work?</t>
  </si>
  <si>
    <t>Process 1</t>
  </si>
  <si>
    <t>Process 2</t>
  </si>
  <si>
    <t xml:space="preserve">a) drinking water </t>
  </si>
  <si>
    <t>c) flooding</t>
  </si>
  <si>
    <t>e) quick clay</t>
  </si>
  <si>
    <t>f) other types of landslide and rockfall</t>
  </si>
  <si>
    <t>Does the municipality require an environmental program with regard to climate change adaptation for major developments?</t>
  </si>
  <si>
    <t xml:space="preserve">Is climate change considered in maintenance plans of: </t>
  </si>
  <si>
    <t>e) cultural heritage sites</t>
  </si>
  <si>
    <t>What proportion of decided investment projects (for example cost &gt; x million NOK decided in the municipal council) in the past year have assessed the consequences of future climate change?</t>
  </si>
  <si>
    <t>How many person-years are formally set aside for coordinating climate adaptation work?</t>
  </si>
  <si>
    <t>P22</t>
  </si>
  <si>
    <t>Proportion of area in caution zone for:</t>
  </si>
  <si>
    <t>Proportion of caution zone area mapped for risk:</t>
  </si>
  <si>
    <t>Proportion of buildings located in caution area:</t>
  </si>
  <si>
    <t>Proportion of buildings located in risk area:</t>
  </si>
  <si>
    <t>d) Grants for ditching/drainage of agricultural land (Ministry of Agriculture)</t>
  </si>
  <si>
    <t>Other support schemes for climate change adaptation</t>
  </si>
  <si>
    <t>Number of implemented measures</t>
  </si>
  <si>
    <t>c) Applications for new buildings in the 100-meter belt along saltwater</t>
  </si>
  <si>
    <t>Applications for plan dispensations in building applications</t>
  </si>
  <si>
    <t>a) Applications for new buildings in agricultural, nature and outdoor recreation/reindeer areas outside the 100-meter belt along saltwater</t>
  </si>
  <si>
    <t>b) Applications in agricultural, nature and outdoor recreation/reindeer areas with a building ban along freshwater in the municipal plan</t>
  </si>
  <si>
    <t>O1</t>
  </si>
  <si>
    <t>O2</t>
  </si>
  <si>
    <t>O3</t>
  </si>
  <si>
    <t>O4</t>
  </si>
  <si>
    <t>O5</t>
  </si>
  <si>
    <t>O6</t>
  </si>
  <si>
    <t>O7</t>
  </si>
  <si>
    <t>O8</t>
  </si>
  <si>
    <t>O9</t>
  </si>
  <si>
    <t>O10</t>
  </si>
  <si>
    <t>O11</t>
  </si>
  <si>
    <t>O12</t>
  </si>
  <si>
    <t>O13</t>
  </si>
  <si>
    <t>O14</t>
  </si>
  <si>
    <t>O15</t>
  </si>
  <si>
    <t>O16</t>
  </si>
  <si>
    <t>O17</t>
  </si>
  <si>
    <t>O18</t>
  </si>
  <si>
    <t>O19</t>
  </si>
  <si>
    <t>O20</t>
  </si>
  <si>
    <t>O21</t>
  </si>
  <si>
    <t>O22</t>
  </si>
  <si>
    <t>Can be a relevant indicator for initiating the process of preparing a template for inclusion of climate adaptation in zoning plans, and in the preparation of explicit climate adaptation regulations which as of today does not exist in the municipality. In order to quantify the next indicators (What proportion of the zoning plans adopted last year have regulations and/or guidelines about climate adaptation?/To what extent is climate adaptation incorporated in the zoning plans? a) plan description b) regulatory provisions, c) ROS‐analysis) with the highest possible validity, provisions on and/or guidelines for climate adaptation should be defined more clearly, as one can currently relate climate adaptation in part to both VA norm, geotechnical assessment and outdoor plan, without climate adaptation necessarily being sufficient taken into account or included with explicitly or intentionally. From the data collection in Trondheim municipality, if it is proposed, for example, that a provision be established for the blue-green factor (BGF, e.g. according to NS3845), if this has not been done for the municipality. The data collection is currently considered to be moderately time-consuming, as manual document review of provisions related to the KPA is required. It is suggested that one be stored overview/information on regulations related to climate adaptation (for Trondheim municipality as of August 2022 indirectly linked to climate adaptation, supplemented later with direct provisions) outside the actual document for higher efficiency and a better overview for later.</t>
  </si>
  <si>
    <t>Whether this indicator is relevant depends on whether the municipality has developed provisions for climate adaptation in zoning plans  ("Has the municipality developed provisions on and/or guidelines for climate adaptation for use in work with zoning plans?"). The experience from Trondheim municipality is that there are very few zoning plans or associated documents with provisions/guidelines on climate adaptation, and that most do not mention climate adaptation explicitly. In order to get data on relevant opinion content, a qualitative document review was therefore carried out on plan description, zoning regulations and associated ROS analysis for each zoning plan, and assessed in the extent to which climate adaptation was incorporated into the zoning plan. Similarly can be an alternative for municipalities without provisions for climate adaptation, but note that the expected time use is high because of the manual document review of several documents associated with each zoning plan. To increase relevance, validity and effectiveness, it is therefore suggested that a template be drawn up for how to include climate adaptation in for example the plan description. By being more consistent for the inclusion of climate adaptation in planning documents, one could more easily quantify and map the development of the inclusion of climate adaptation in the planning documents at the regulatory level. As of today, this is a planned measure in Trondheim municipality. As the indicator is formulated now, relevance also appears to be low. Proportion of zoning plans that have provision on climate adaptation (today related to natural events) in itself says little about climate adaptation. To compare this with zoning plans that should have provisions for climate adaptation (for example within the risk area for floods, storm surges, sea level rise) it would be possible to have a more relevant indicator. See suggetstion ("Proportion of zoning plans that are within risk areas for climate-related natural hazards that have taken documented risk management in the form of determination/consideration zone (which is a requirement according to TEK17)").</t>
  </si>
  <si>
    <t>Based on experience from Trondheim municipality, this indicator is proposed to be excluded from the data set. Trondheim had two revised plans for 2021, and neither of them has included climate adaptation measures. Corresponding ROS analyzes for the areas had not been revised either, so this suggests that climate risk has not been reassessed. When the data base is so small for a large municipality like Trondheim, and when, in addition, no separate requirements/guidelines or template have been drawn up regarding the inclusion of climate adaptation in zoning plans, this indicator will probably not be relevant to monitor over time, at least not under current practice, where manual document review is required to obtain data for the indicator. It will probably not be usable for smaller municipalities either, as the data base will be too small.</t>
  </si>
  <si>
    <t>In the original indicator set, this indicator was intended as the number of recourse cases against the municipality in natural damage cases, where the insurance company believes that municipalities should not have been granted building permission. It says something if the municipality allows construction in exposed areas, but at the same time there are few cases and we chose to take this indicator out. We retained an indicator of zoning plans in caution areas. We have also chosen to include annuals natural damage insurance payments, natural damage compensation payments and insurance payments bywater damage. Se above.</t>
  </si>
  <si>
    <t>Revision by researchers</t>
  </si>
  <si>
    <t>Evolution of indicator set V</t>
  </si>
  <si>
    <t>Det bør tydeliggjøres at det kun skal tas hensyn til oppdatert klimarisiko. Det burde være tilsvarende indikatorer for andre kritiske funksjoner, som brannvesen, skoler og barnehager. Sikringstiltak må registreres og merkes av i kart. NVE Atlas registrerer sikringstiltak for flom og skred. Differensiere hva som var gjeldende byggeregler ved</t>
  </si>
  <si>
    <t>It was raised that this is not equally well mapped for all risk types.  Generally speaking the risk indicators were seen as relevant, although wind (damage) should be added. In addition, even if an area is mapped for risk this is not always included in plans. There is a lack of overview on this matter.</t>
  </si>
  <si>
    <t xml:space="preserve">There should be clarification of what is meant by ‘mapped area identified as risk area’.
One municipality questioned to what extent current risks reflect how important that type of avalanche will be in the future. For example, avalanches may become less frequent, while landslides are expected to increase. The risk maps do not indicate which type of landslide (‘skred’) risk should dictate urban planning.
The danger zones often appear to be too large when geologists carry out fieldwork in mapped areas. </t>
  </si>
  <si>
    <t xml:space="preserve">The term ‘area that has been mapped for risk’ should be clearly explained. There was some discussion on what else could or should be included in risk mapping, including caution areas (aktsomhetsområder) and past events (e.g. landslide alerts). The list of risks that have been mapped for can be adjusted per municipality; for example, wind is also very relevant for some regions. 
There are currently no requirements for mapping to be performed. Municipalities report their risk mapping needs to NVE, who have a long waiting list. Accordingly, it may be more efficient to focus on mapping of critical points (which must be further defined). Much of this could also be coordinated on national level instead. </t>
  </si>
  <si>
    <t>Bruke Kunnskapsbanken
Faresone eller mogleg fare (aktsemdkart?)
Som flaum? (TEK17 § 7-2)
Etterspørre nasjonalt kartlag klasseifisert etter TEK17 § 7-2 (F1-, F2- og F3-tiltak)? - Eit F1 tiltak i flaumsonen 1/200 ligg "trygt nok" i følgje krava i TEK17
Som skred (TEK17 § 7-3) - kanskje aktuelt med kartlag med bygg klassifisert etter K0-K4?
Etterspørre nasjonalt kartlag klasseifisert etter TEK17 § 7-3 (S1-, S2- og S3-tiltak)? - Eit S1 tiltak i faresonen 1/1000, men utanfor faresonen 1/100 ligg "trygt nok" i følgje krava i TEK17 - TEK17 gjer løyve til å byggje i fareområde så lenge sannsynet for skade er liten nok.
Som flaum (TEK17 § 7-2)</t>
  </si>
  <si>
    <t>Comments from Trondheim</t>
  </si>
  <si>
    <t>Trondheim evaluation</t>
  </si>
  <si>
    <t xml:space="preserve"> </t>
  </si>
  <si>
    <t>Fraction of permeable surfaces in built area (including green roofs)</t>
  </si>
  <si>
    <t>Supplementary material for "Co-producing climate change adaptation indicators with small Norwegian municipalities"</t>
  </si>
  <si>
    <t>Henke, L., E. Sandberg, K. Knoth, I.R. Davøen, K. Groven, E. Sivertsen</t>
  </si>
  <si>
    <t>Set O</t>
  </si>
  <si>
    <t>Final Set V</t>
  </si>
  <si>
    <t>Set V</t>
  </si>
  <si>
    <r>
      <t>Has the municipality made a vulnerability analysis for climate change up to 2090</t>
    </r>
    <r>
      <rPr>
        <sz val="10"/>
        <color theme="1"/>
        <rFont val="Calibri"/>
        <family val="2"/>
        <scheme val="minor"/>
      </rPr>
      <t>  </t>
    </r>
    <r>
      <rPr>
        <sz val="10"/>
        <color rgb="FF000000"/>
        <rFont val="Calibri"/>
        <family val="2"/>
        <scheme val="minor"/>
      </rPr>
      <t>?</t>
    </r>
  </si>
  <si>
    <r>
      <t xml:space="preserve">a) </t>
    </r>
    <r>
      <rPr>
        <sz val="10"/>
        <color theme="1"/>
        <rFont val="Calibri"/>
        <family val="2"/>
        <scheme val="minor"/>
      </rPr>
      <t>NASK</t>
    </r>
    <r>
      <rPr>
        <u/>
        <sz val="10"/>
        <color rgb="FF0000FF"/>
        <rFont val="Calibri"/>
        <family val="2"/>
        <scheme val="minor"/>
      </rPr>
      <t xml:space="preserve">, </t>
    </r>
    <r>
      <rPr>
        <sz val="10"/>
        <color theme="1"/>
        <rFont val="Calibri"/>
        <family val="2"/>
        <scheme val="minor"/>
      </rPr>
      <t>Kunnskapsbanken</t>
    </r>
  </si>
  <si>
    <r>
      <t>a)</t>
    </r>
    <r>
      <rPr>
        <sz val="7"/>
        <color theme="1"/>
        <rFont val="Calibri"/>
        <family val="2"/>
        <scheme val="minor"/>
      </rPr>
      <t xml:space="preserve">              </t>
    </r>
    <r>
      <rPr>
        <sz val="10"/>
        <color theme="1"/>
        <rFont val="Calibri"/>
        <family val="2"/>
        <scheme val="minor"/>
      </rPr>
      <t>Naturskadeforsikring Natural perils insurance scheme</t>
    </r>
  </si>
  <si>
    <r>
      <t>b)</t>
    </r>
    <r>
      <rPr>
        <sz val="7"/>
        <color theme="1"/>
        <rFont val="Calibri"/>
        <family val="2"/>
        <scheme val="minor"/>
      </rPr>
      <t xml:space="preserve">             </t>
    </r>
    <r>
      <rPr>
        <sz val="10"/>
        <color theme="1"/>
        <rFont val="Calibri"/>
        <family val="2"/>
        <scheme val="minor"/>
      </rPr>
      <t>Naturskadeerstatning Natural perils compensation scheme for private infrastructure</t>
    </r>
  </si>
  <si>
    <r>
      <t>c)</t>
    </r>
    <r>
      <rPr>
        <sz val="7"/>
        <color theme="1"/>
        <rFont val="Calibri"/>
        <family val="2"/>
        <scheme val="minor"/>
      </rPr>
      <t xml:space="preserve">              </t>
    </r>
    <r>
      <rPr>
        <sz val="10"/>
        <color theme="1"/>
        <rFont val="Calibri"/>
        <family val="2"/>
        <scheme val="minor"/>
      </rPr>
      <t>Vannskadeforsikring (vanninntrenging utenfra over og under grunn) Insurance claims from water intruision damages</t>
    </r>
  </si>
  <si>
    <r>
      <t>d)</t>
    </r>
    <r>
      <rPr>
        <sz val="7"/>
        <color theme="1"/>
        <rFont val="Calibri"/>
        <family val="2"/>
        <scheme val="minor"/>
      </rPr>
      <t xml:space="preserve">             </t>
    </r>
    <r>
      <rPr>
        <sz val="10"/>
        <color theme="1"/>
        <rFont val="Calibri"/>
        <family val="2"/>
        <scheme val="minor"/>
      </rPr>
      <t>Miljødirektoratets støtteordning for klimatilpasning (kompetanseheving) The Norwegian Environment Agency’s support scheme for climate changhe adaptatoin</t>
    </r>
  </si>
  <si>
    <r>
      <t>e)</t>
    </r>
    <r>
      <rPr>
        <sz val="7"/>
        <color theme="1"/>
        <rFont val="Calibri"/>
        <family val="2"/>
        <scheme val="minor"/>
      </rPr>
      <t xml:space="preserve">              </t>
    </r>
    <r>
      <rPr>
        <sz val="10"/>
        <color theme="1"/>
        <rFont val="Calibri"/>
        <family val="2"/>
        <scheme val="minor"/>
      </rPr>
      <t>Skjønnstilskudd til klimatilpasning Discretionary funding for climate change adaptation</t>
    </r>
  </si>
  <si>
    <r>
      <t>f)</t>
    </r>
    <r>
      <rPr>
        <sz val="7"/>
        <color theme="1"/>
        <rFont val="Calibri"/>
        <family val="2"/>
        <scheme val="minor"/>
      </rPr>
      <t xml:space="preserve">              </t>
    </r>
    <r>
      <rPr>
        <sz val="10"/>
        <color theme="1"/>
        <rFont val="Calibri"/>
        <family val="2"/>
        <scheme val="minor"/>
      </rPr>
      <t>Ekstraordinære skjønnsmidler i forbindelse med en naturhendelse Extraordinary discretionary funding</t>
    </r>
  </si>
  <si>
    <r>
      <t>g)</t>
    </r>
    <r>
      <rPr>
        <sz val="7"/>
        <color theme="1"/>
        <rFont val="Calibri"/>
        <family val="2"/>
        <scheme val="minor"/>
      </rPr>
      <t xml:space="preserve">             </t>
    </r>
    <r>
      <rPr>
        <sz val="10"/>
        <color theme="1"/>
        <rFont val="Calibri"/>
        <family val="2"/>
        <scheme val="minor"/>
      </rPr>
      <t>Legg til relevant og tilgjengelig støtteordning Add relevant support scheme (i.e. The Norwegian Agency for Local Governments’ loan for climate change adaptation)</t>
    </r>
  </si>
  <si>
    <r>
      <rPr>
        <b/>
        <sz val="11"/>
        <color theme="1"/>
        <rFont val="Calibri"/>
        <family val="2"/>
        <scheme val="minor"/>
      </rPr>
      <t xml:space="preserve">Full evolution </t>
    </r>
    <r>
      <rPr>
        <sz val="11"/>
        <color theme="1"/>
        <rFont val="Calibri"/>
        <family val="2"/>
        <scheme val="minor"/>
      </rPr>
      <t>shows the different iterations the indicator set went through during the CPK process.</t>
    </r>
  </si>
  <si>
    <r>
      <rPr>
        <b/>
        <sz val="11"/>
        <rFont val="Calibri"/>
        <family val="2"/>
        <scheme val="minor"/>
      </rPr>
      <t>Set V</t>
    </r>
    <r>
      <rPr>
        <sz val="11"/>
        <color theme="1"/>
        <rFont val="Calibri"/>
        <family val="2"/>
        <scheme val="minor"/>
      </rPr>
      <t xml:space="preserve"> is the final indicator set.</t>
    </r>
  </si>
  <si>
    <t>The following sheets are included in this docu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fonts count="23" x14ac:knownFonts="1">
    <font>
      <sz val="11"/>
      <color theme="1"/>
      <name val="Calibri"/>
      <family val="2"/>
      <scheme val="minor"/>
    </font>
    <font>
      <sz val="12"/>
      <color theme="1"/>
      <name val="Calibri"/>
      <family val="2"/>
      <scheme val="minor"/>
    </font>
    <font>
      <sz val="10"/>
      <color theme="1"/>
      <name val="Times New Roman"/>
      <family val="1"/>
    </font>
    <font>
      <u/>
      <sz val="11"/>
      <color theme="10"/>
      <name val="Calibri"/>
      <family val="2"/>
      <scheme val="minor"/>
    </font>
    <font>
      <u/>
      <sz val="10"/>
      <color theme="10"/>
      <name val="Times New Roman"/>
      <family val="1"/>
    </font>
    <font>
      <sz val="12"/>
      <color theme="1"/>
      <name val="Times New Roman"/>
      <family val="1"/>
    </font>
    <font>
      <sz val="11"/>
      <color rgb="FFFF0000"/>
      <name val="Calibri"/>
      <family val="2"/>
      <scheme val="minor"/>
    </font>
    <font>
      <b/>
      <sz val="11"/>
      <color theme="1"/>
      <name val="Calibri"/>
      <family val="2"/>
      <scheme val="minor"/>
    </font>
    <font>
      <sz val="11"/>
      <color theme="1"/>
      <name val="Calibri"/>
      <family val="2"/>
    </font>
    <font>
      <sz val="11"/>
      <name val="Calibri"/>
      <family val="2"/>
      <scheme val="minor"/>
    </font>
    <font>
      <b/>
      <sz val="11"/>
      <color rgb="FFFF0000"/>
      <name val="Calibri"/>
      <family val="2"/>
      <scheme val="minor"/>
    </font>
    <font>
      <b/>
      <sz val="11"/>
      <name val="Calibri"/>
      <family val="2"/>
      <scheme val="minor"/>
    </font>
    <font>
      <b/>
      <sz val="11"/>
      <color theme="4"/>
      <name val="Calibri"/>
      <family val="2"/>
      <scheme val="minor"/>
    </font>
    <font>
      <b/>
      <sz val="18"/>
      <color theme="1"/>
      <name val="Calibri"/>
      <family val="2"/>
      <scheme val="minor"/>
    </font>
    <font>
      <sz val="11"/>
      <color theme="1"/>
      <name val="Calibri"/>
      <family val="2"/>
      <scheme val="minor"/>
    </font>
    <font>
      <b/>
      <sz val="11"/>
      <color theme="0"/>
      <name val="Calibri"/>
      <family val="2"/>
      <scheme val="minor"/>
    </font>
    <font>
      <b/>
      <sz val="10"/>
      <color theme="1"/>
      <name val="Calibri"/>
      <family val="2"/>
      <scheme val="minor"/>
    </font>
    <font>
      <sz val="10"/>
      <color theme="1"/>
      <name val="Calibri"/>
      <family val="2"/>
      <scheme val="minor"/>
    </font>
    <font>
      <sz val="10"/>
      <color rgb="FF000000"/>
      <name val="Calibri"/>
      <family val="2"/>
      <scheme val="minor"/>
    </font>
    <font>
      <u/>
      <sz val="10"/>
      <color theme="10"/>
      <name val="Calibri"/>
      <family val="2"/>
      <scheme val="minor"/>
    </font>
    <font>
      <sz val="10"/>
      <name val="Calibri"/>
      <family val="2"/>
      <scheme val="minor"/>
    </font>
    <font>
      <u/>
      <sz val="10"/>
      <color rgb="FF0000FF"/>
      <name val="Calibri"/>
      <family val="2"/>
      <scheme val="minor"/>
    </font>
    <font>
      <sz val="7"/>
      <color theme="1"/>
      <name val="Calibri"/>
      <family val="2"/>
      <scheme val="minor"/>
    </font>
  </fonts>
  <fills count="6">
    <fill>
      <patternFill patternType="none"/>
    </fill>
    <fill>
      <patternFill patternType="gray125"/>
    </fill>
    <fill>
      <patternFill patternType="solid">
        <fgColor theme="3" tint="0.89999084444715716"/>
        <bgColor indexed="64"/>
      </patternFill>
    </fill>
    <fill>
      <patternFill patternType="solid">
        <fgColor theme="8" tint="0.79998168889431442"/>
        <bgColor indexed="65"/>
      </patternFill>
    </fill>
    <fill>
      <patternFill patternType="solid">
        <fgColor theme="8" tint="0.59999389629810485"/>
        <bgColor indexed="65"/>
      </patternFill>
    </fill>
    <fill>
      <patternFill patternType="solid">
        <fgColor rgb="FFA5A5A5"/>
      </patternFill>
    </fill>
  </fills>
  <borders count="18">
    <border>
      <left/>
      <right/>
      <top/>
      <bottom/>
      <diagonal/>
    </border>
    <border>
      <left style="medium">
        <color indexed="64"/>
      </left>
      <right style="medium">
        <color indexed="64"/>
      </right>
      <top style="medium">
        <color indexed="64"/>
      </top>
      <bottom style="medium">
        <color indexed="64"/>
      </bottom>
      <diagonal/>
    </border>
    <border>
      <left/>
      <right style="medium">
        <color indexed="64"/>
      </right>
      <top style="medium">
        <color indexed="64"/>
      </top>
      <bottom style="medium">
        <color indexed="64"/>
      </bottom>
      <diagonal/>
    </border>
    <border>
      <left style="medium">
        <color indexed="64"/>
      </left>
      <right style="medium">
        <color indexed="64"/>
      </right>
      <top/>
      <bottom style="medium">
        <color indexed="64"/>
      </bottom>
      <diagonal/>
    </border>
    <border>
      <left style="medium">
        <color indexed="64"/>
      </left>
      <right style="medium">
        <color indexed="64"/>
      </right>
      <top/>
      <bottom/>
      <diagonal/>
    </border>
    <border>
      <left/>
      <right style="medium">
        <color indexed="64"/>
      </right>
      <top/>
      <bottom style="medium">
        <color indexed="64"/>
      </bottom>
      <diagonal/>
    </border>
    <border>
      <left/>
      <right style="medium">
        <color indexed="64"/>
      </right>
      <top/>
      <bottom/>
      <diagonal/>
    </border>
    <border>
      <left style="medium">
        <color indexed="64"/>
      </left>
      <right style="medium">
        <color indexed="64"/>
      </right>
      <top style="medium">
        <color indexed="64"/>
      </top>
      <bottom/>
      <diagonal/>
    </border>
    <border>
      <left/>
      <right style="medium">
        <color indexed="64"/>
      </right>
      <top style="medium">
        <color indexed="64"/>
      </top>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diagonal/>
    </border>
    <border>
      <left/>
      <right style="thin">
        <color indexed="64"/>
      </right>
      <top/>
      <bottom style="thin">
        <color indexed="64"/>
      </bottom>
      <diagonal/>
    </border>
    <border>
      <left style="double">
        <color rgb="FF3F3F3F"/>
      </left>
      <right style="double">
        <color rgb="FF3F3F3F"/>
      </right>
      <top style="double">
        <color rgb="FF3F3F3F"/>
      </top>
      <bottom style="double">
        <color rgb="FF3F3F3F"/>
      </bottom>
      <diagonal/>
    </border>
    <border>
      <left/>
      <right style="thin">
        <color indexed="64"/>
      </right>
      <top style="thin">
        <color indexed="64"/>
      </top>
      <bottom style="thin">
        <color indexed="64"/>
      </bottom>
      <diagonal/>
    </border>
    <border>
      <left/>
      <right style="thin">
        <color indexed="64"/>
      </right>
      <top style="thin">
        <color indexed="64"/>
      </top>
      <bottom/>
      <diagonal/>
    </border>
    <border>
      <left/>
      <right style="thin">
        <color indexed="64"/>
      </right>
      <top/>
      <bottom/>
      <diagonal/>
    </border>
  </borders>
  <cellStyleXfs count="5">
    <xf numFmtId="0" fontId="0" fillId="0" borderId="0"/>
    <xf numFmtId="0" fontId="3" fillId="0" borderId="0" applyNumberFormat="0" applyFill="0" applyBorder="0" applyAlignment="0" applyProtection="0"/>
    <xf numFmtId="0" fontId="14" fillId="3" borderId="0" applyNumberFormat="0" applyBorder="0" applyAlignment="0" applyProtection="0"/>
    <xf numFmtId="0" fontId="14" fillId="4" borderId="0" applyNumberFormat="0" applyBorder="0" applyAlignment="0" applyProtection="0"/>
    <xf numFmtId="0" fontId="15" fillId="5" borderId="14" applyNumberFormat="0" applyAlignment="0" applyProtection="0"/>
  </cellStyleXfs>
  <cellXfs count="167">
    <xf numFmtId="0" fontId="0" fillId="0" borderId="0" xfId="0"/>
    <xf numFmtId="0" fontId="10" fillId="0" borderId="0" xfId="0" applyFont="1"/>
    <xf numFmtId="0" fontId="7" fillId="0" borderId="0" xfId="0" applyFont="1"/>
    <xf numFmtId="0" fontId="0" fillId="0" borderId="9" xfId="0" applyBorder="1" applyAlignment="1">
      <alignment horizontal="left" vertical="center" wrapText="1"/>
    </xf>
    <xf numFmtId="0" fontId="7" fillId="2" borderId="8" xfId="0" applyFont="1" applyFill="1" applyBorder="1" applyAlignment="1">
      <alignment vertical="center" wrapText="1"/>
    </xf>
    <xf numFmtId="0" fontId="8" fillId="0" borderId="9" xfId="0" applyFont="1" applyBorder="1" applyAlignment="1">
      <alignment horizontal="left" vertical="center" wrapText="1"/>
    </xf>
    <xf numFmtId="0" fontId="12" fillId="0" borderId="0" xfId="0" applyFont="1"/>
    <xf numFmtId="0" fontId="0" fillId="0" borderId="9" xfId="0" applyBorder="1" applyAlignment="1">
      <alignment horizontal="left" vertical="center"/>
    </xf>
    <xf numFmtId="0" fontId="13" fillId="0" borderId="0" xfId="0" applyFont="1"/>
    <xf numFmtId="0" fontId="7" fillId="2" borderId="8" xfId="0" applyFont="1" applyFill="1" applyBorder="1" applyAlignment="1">
      <alignment horizontal="center" vertical="center" wrapText="1"/>
    </xf>
    <xf numFmtId="0" fontId="0" fillId="0" borderId="9" xfId="0" applyBorder="1" applyAlignment="1">
      <alignment horizontal="left" vertical="top" wrapText="1"/>
    </xf>
    <xf numFmtId="0" fontId="9" fillId="0" borderId="9" xfId="0" applyFont="1" applyBorder="1" applyAlignment="1">
      <alignment horizontal="left" vertical="top" wrapText="1"/>
    </xf>
    <xf numFmtId="0" fontId="1" fillId="0" borderId="0" xfId="0" applyFont="1" applyAlignment="1">
      <alignment wrapText="1"/>
    </xf>
    <xf numFmtId="0" fontId="2" fillId="0" borderId="0" xfId="0" applyFont="1" applyAlignment="1">
      <alignment vertical="center" wrapText="1"/>
    </xf>
    <xf numFmtId="0" fontId="1" fillId="0" borderId="0" xfId="0" applyFont="1" applyAlignment="1">
      <alignment vertical="center" wrapText="1"/>
    </xf>
    <xf numFmtId="0" fontId="0" fillId="0" borderId="11" xfId="0" applyBorder="1" applyAlignment="1">
      <alignment horizontal="center" vertical="center"/>
    </xf>
    <xf numFmtId="0" fontId="7" fillId="0" borderId="11" xfId="0" applyFont="1" applyBorder="1" applyAlignment="1">
      <alignment vertical="center"/>
    </xf>
    <xf numFmtId="0" fontId="0" fillId="0" borderId="11" xfId="0" applyBorder="1" applyAlignment="1">
      <alignment vertical="center" wrapText="1"/>
    </xf>
    <xf numFmtId="0" fontId="0" fillId="0" borderId="11" xfId="0" applyBorder="1" applyAlignment="1">
      <alignment vertical="center"/>
    </xf>
    <xf numFmtId="0" fontId="0" fillId="0" borderId="12" xfId="0" applyBorder="1" applyAlignment="1">
      <alignment vertical="center"/>
    </xf>
    <xf numFmtId="0" fontId="0" fillId="0" borderId="12" xfId="0" applyBorder="1" applyAlignment="1">
      <alignment horizontal="left" vertical="center" wrapText="1"/>
    </xf>
    <xf numFmtId="0" fontId="0" fillId="0" borderId="12" xfId="0" applyBorder="1" applyAlignment="1">
      <alignment vertical="center" wrapText="1"/>
    </xf>
    <xf numFmtId="0" fontId="0" fillId="0" borderId="10" xfId="0" applyBorder="1" applyAlignment="1">
      <alignment vertical="center"/>
    </xf>
    <xf numFmtId="0" fontId="0" fillId="0" borderId="10" xfId="0" applyBorder="1" applyAlignment="1">
      <alignment horizontal="left" vertical="center" wrapText="1"/>
    </xf>
    <xf numFmtId="0" fontId="0" fillId="0" borderId="10" xfId="0" applyBorder="1" applyAlignment="1">
      <alignment vertical="center" wrapText="1"/>
    </xf>
    <xf numFmtId="0" fontId="11" fillId="0" borderId="11" xfId="0" applyFont="1" applyBorder="1" applyAlignment="1">
      <alignment vertical="center"/>
    </xf>
    <xf numFmtId="0" fontId="0" fillId="0" borderId="11" xfId="0" applyBorder="1" applyAlignment="1">
      <alignment horizontal="left" vertical="center" wrapText="1"/>
    </xf>
    <xf numFmtId="0" fontId="0" fillId="0" borderId="9" xfId="0" applyBorder="1" applyAlignment="1">
      <alignment horizontal="center" vertical="center"/>
    </xf>
    <xf numFmtId="0" fontId="7" fillId="0" borderId="9" xfId="0" applyFont="1" applyBorder="1" applyAlignment="1">
      <alignment vertical="center"/>
    </xf>
    <xf numFmtId="0" fontId="0" fillId="0" borderId="9" xfId="0" applyBorder="1" applyAlignment="1">
      <alignment vertical="center" wrapText="1"/>
    </xf>
    <xf numFmtId="0" fontId="0" fillId="0" borderId="9" xfId="0" applyBorder="1" applyAlignment="1">
      <alignment vertical="center"/>
    </xf>
    <xf numFmtId="0" fontId="0" fillId="0" borderId="10" xfId="0" applyBorder="1" applyAlignment="1">
      <alignment horizontal="center" vertical="center"/>
    </xf>
    <xf numFmtId="0" fontId="7" fillId="0" borderId="10" xfId="0" applyFont="1" applyBorder="1" applyAlignment="1">
      <alignment vertical="center"/>
    </xf>
    <xf numFmtId="0" fontId="7" fillId="0" borderId="9" xfId="0" applyFont="1" applyBorder="1" applyAlignment="1">
      <alignment horizontal="left" vertical="center"/>
    </xf>
    <xf numFmtId="0" fontId="7" fillId="0" borderId="9" xfId="0" applyFont="1" applyBorder="1" applyAlignment="1">
      <alignment vertical="center" wrapText="1"/>
    </xf>
    <xf numFmtId="0" fontId="9" fillId="0" borderId="9" xfId="0" applyFont="1" applyBorder="1" applyAlignment="1">
      <alignment vertical="center" wrapText="1"/>
    </xf>
    <xf numFmtId="0" fontId="0" fillId="0" borderId="9" xfId="0" applyBorder="1" applyAlignment="1">
      <alignment horizontal="center" vertical="center" wrapText="1"/>
    </xf>
    <xf numFmtId="0" fontId="8" fillId="0" borderId="11" xfId="0" applyFont="1" applyBorder="1" applyAlignment="1">
      <alignment horizontal="left" vertical="center" wrapText="1"/>
    </xf>
    <xf numFmtId="0" fontId="0" fillId="0" borderId="12" xfId="0" applyBorder="1" applyAlignment="1">
      <alignment horizontal="center" vertical="center"/>
    </xf>
    <xf numFmtId="0" fontId="8" fillId="0" borderId="12" xfId="0" applyFont="1" applyBorder="1" applyAlignment="1">
      <alignment horizontal="left" vertical="center" wrapText="1"/>
    </xf>
    <xf numFmtId="0" fontId="8" fillId="0" borderId="10" xfId="0" applyFont="1" applyBorder="1" applyAlignment="1">
      <alignment horizontal="left" vertical="center" wrapText="1"/>
    </xf>
    <xf numFmtId="0" fontId="11" fillId="0" borderId="9" xfId="0" applyFont="1" applyBorder="1" applyAlignment="1">
      <alignment horizontal="left" vertical="center"/>
    </xf>
    <xf numFmtId="0" fontId="6" fillId="0" borderId="12" xfId="0" applyFont="1" applyBorder="1" applyAlignment="1">
      <alignment horizontal="center" vertical="center"/>
    </xf>
    <xf numFmtId="0" fontId="0" fillId="0" borderId="16" xfId="0" applyBorder="1" applyAlignment="1">
      <alignment horizontal="center" vertical="center"/>
    </xf>
    <xf numFmtId="0" fontId="0" fillId="0" borderId="15" xfId="0" applyBorder="1" applyAlignment="1">
      <alignment horizontal="center" vertical="center"/>
    </xf>
    <xf numFmtId="0" fontId="9" fillId="0" borderId="15" xfId="0" applyFont="1" applyBorder="1" applyAlignment="1">
      <alignment horizontal="center" vertical="center"/>
    </xf>
    <xf numFmtId="0" fontId="0" fillId="0" borderId="13" xfId="0" applyBorder="1" applyAlignment="1">
      <alignment horizontal="center" vertical="center"/>
    </xf>
    <xf numFmtId="0" fontId="0" fillId="0" borderId="17" xfId="0" applyBorder="1" applyAlignment="1">
      <alignment horizontal="center" vertical="center"/>
    </xf>
    <xf numFmtId="0" fontId="0" fillId="0" borderId="9" xfId="0" applyBorder="1" applyAlignment="1">
      <alignment horizontal="left"/>
    </xf>
    <xf numFmtId="0" fontId="13" fillId="0" borderId="0" xfId="0" applyFont="1" applyAlignment="1">
      <alignment vertical="center"/>
    </xf>
    <xf numFmtId="0" fontId="0" fillId="0" borderId="0" xfId="0" applyAlignment="1">
      <alignment vertical="center"/>
    </xf>
    <xf numFmtId="0" fontId="0" fillId="0" borderId="0" xfId="0" applyAlignment="1">
      <alignment vertical="center" wrapText="1"/>
    </xf>
    <xf numFmtId="0" fontId="9" fillId="0" borderId="12" xfId="0" applyFont="1" applyBorder="1" applyAlignment="1">
      <alignment horizontal="left" vertical="center"/>
    </xf>
    <xf numFmtId="0" fontId="9" fillId="0" borderId="10" xfId="0" applyFont="1" applyBorder="1" applyAlignment="1">
      <alignment vertical="center"/>
    </xf>
    <xf numFmtId="0" fontId="11" fillId="0" borderId="9" xfId="0" applyFont="1" applyBorder="1" applyAlignment="1">
      <alignment vertical="center"/>
    </xf>
    <xf numFmtId="0" fontId="7" fillId="0" borderId="9" xfId="0" applyFont="1" applyBorder="1" applyAlignment="1">
      <alignment horizontal="left" vertical="center" wrapText="1"/>
    </xf>
    <xf numFmtId="0" fontId="7" fillId="0" borderId="11" xfId="0" applyFont="1" applyBorder="1" applyAlignment="1">
      <alignment horizontal="left" vertical="center"/>
    </xf>
    <xf numFmtId="0" fontId="7" fillId="0" borderId="12" xfId="0" applyFont="1" applyBorder="1" applyAlignment="1">
      <alignment horizontal="center" vertical="center"/>
    </xf>
    <xf numFmtId="0" fontId="7" fillId="0" borderId="10" xfId="0" applyFont="1" applyBorder="1" applyAlignment="1">
      <alignment horizontal="center" vertical="center"/>
    </xf>
    <xf numFmtId="0" fontId="5" fillId="0" borderId="0" xfId="0" applyFont="1" applyAlignment="1">
      <alignment vertical="center" wrapText="1"/>
    </xf>
    <xf numFmtId="0" fontId="1" fillId="0" borderId="1" xfId="0" applyFont="1" applyBorder="1" applyAlignment="1">
      <alignment vertical="center" wrapText="1"/>
    </xf>
    <xf numFmtId="0" fontId="16" fillId="2" borderId="2" xfId="0" applyFont="1" applyFill="1" applyBorder="1" applyAlignment="1">
      <alignment vertical="center" wrapText="1"/>
    </xf>
    <xf numFmtId="0" fontId="17" fillId="0" borderId="7" xfId="0" applyFont="1" applyBorder="1" applyAlignment="1">
      <alignment vertical="center" wrapText="1"/>
    </xf>
    <xf numFmtId="0" fontId="17" fillId="0" borderId="6" xfId="0" applyFont="1" applyBorder="1" applyAlignment="1">
      <alignment vertical="center" wrapText="1"/>
    </xf>
    <xf numFmtId="0" fontId="17" fillId="0" borderId="4" xfId="0" applyFont="1" applyBorder="1" applyAlignment="1">
      <alignment vertical="center" wrapText="1"/>
    </xf>
    <xf numFmtId="0" fontId="17" fillId="0" borderId="6" xfId="0" applyFont="1" applyBorder="1" applyAlignment="1">
      <alignment horizontal="left" vertical="center" wrapText="1"/>
    </xf>
    <xf numFmtId="0" fontId="17" fillId="0" borderId="3" xfId="0" applyFont="1" applyBorder="1" applyAlignment="1">
      <alignment vertical="center" wrapText="1"/>
    </xf>
    <xf numFmtId="0" fontId="17" fillId="0" borderId="5" xfId="0" applyFont="1" applyBorder="1" applyAlignment="1">
      <alignment horizontal="left" vertical="center" wrapText="1"/>
    </xf>
    <xf numFmtId="0" fontId="18" fillId="0" borderId="3" xfId="0" applyFont="1" applyBorder="1" applyAlignment="1">
      <alignment vertical="center" wrapText="1"/>
    </xf>
    <xf numFmtId="0" fontId="18" fillId="0" borderId="5" xfId="0" applyFont="1" applyBorder="1" applyAlignment="1">
      <alignment vertical="center" wrapText="1"/>
    </xf>
    <xf numFmtId="0" fontId="18" fillId="0" borderId="7" xfId="0" applyFont="1" applyBorder="1" applyAlignment="1">
      <alignment vertical="center" wrapText="1"/>
    </xf>
    <xf numFmtId="0" fontId="18" fillId="0" borderId="6" xfId="0" applyFont="1" applyBorder="1" applyAlignment="1">
      <alignment vertical="center" wrapText="1"/>
    </xf>
    <xf numFmtId="0" fontId="18" fillId="0" borderId="4" xfId="0" applyFont="1" applyBorder="1" applyAlignment="1">
      <alignment vertical="center" wrapText="1"/>
    </xf>
    <xf numFmtId="0" fontId="18" fillId="0" borderId="6" xfId="0" applyFont="1" applyBorder="1" applyAlignment="1">
      <alignment horizontal="left" vertical="center" wrapText="1"/>
    </xf>
    <xf numFmtId="0" fontId="19" fillId="0" borderId="6" xfId="1" applyFont="1" applyFill="1" applyBorder="1" applyAlignment="1">
      <alignment vertical="center" wrapText="1"/>
    </xf>
    <xf numFmtId="0" fontId="18" fillId="0" borderId="5" xfId="0" applyFont="1" applyBorder="1" applyAlignment="1">
      <alignment horizontal="left" vertical="center" wrapText="1"/>
    </xf>
    <xf numFmtId="0" fontId="17" fillId="0" borderId="5" xfId="0" applyFont="1" applyBorder="1" applyAlignment="1">
      <alignment vertical="center" wrapText="1"/>
    </xf>
    <xf numFmtId="0" fontId="17" fillId="0" borderId="8" xfId="0" applyFont="1" applyBorder="1" applyAlignment="1">
      <alignment vertical="center" wrapText="1"/>
    </xf>
    <xf numFmtId="0" fontId="20" fillId="0" borderId="6" xfId="0" applyFont="1" applyBorder="1" applyAlignment="1">
      <alignment vertical="center" wrapText="1"/>
    </xf>
    <xf numFmtId="0" fontId="19" fillId="0" borderId="7" xfId="1" applyFont="1" applyFill="1" applyBorder="1" applyAlignment="1">
      <alignment vertical="center" wrapText="1"/>
    </xf>
    <xf numFmtId="0" fontId="20" fillId="0" borderId="6" xfId="0" applyFont="1" applyBorder="1" applyAlignment="1">
      <alignment horizontal="left" vertical="center" wrapText="1"/>
    </xf>
    <xf numFmtId="0" fontId="19" fillId="0" borderId="4" xfId="1" applyFont="1" applyFill="1" applyBorder="1" applyAlignment="1">
      <alignment vertical="center" wrapText="1"/>
    </xf>
    <xf numFmtId="0" fontId="20" fillId="0" borderId="5" xfId="0" applyFont="1" applyBorder="1" applyAlignment="1">
      <alignment horizontal="left" vertical="center" wrapText="1"/>
    </xf>
    <xf numFmtId="0" fontId="19" fillId="0" borderId="3" xfId="1" applyFont="1" applyFill="1" applyBorder="1" applyAlignment="1">
      <alignment vertical="center" wrapText="1"/>
    </xf>
    <xf numFmtId="0" fontId="17" fillId="0" borderId="1" xfId="0" applyFont="1" applyBorder="1" applyAlignment="1">
      <alignment vertical="center" wrapText="1"/>
    </xf>
    <xf numFmtId="0" fontId="17" fillId="0" borderId="2" xfId="0" applyFont="1" applyBorder="1" applyAlignment="1">
      <alignment vertical="center" wrapText="1"/>
    </xf>
    <xf numFmtId="0" fontId="1" fillId="0" borderId="0" xfId="0" applyFont="1" applyAlignment="1">
      <alignment horizontal="left" vertical="center" wrapText="1"/>
    </xf>
    <xf numFmtId="0" fontId="16" fillId="2" borderId="2" xfId="0" applyFont="1" applyFill="1" applyBorder="1" applyAlignment="1">
      <alignment horizontal="left" vertical="center" wrapText="1"/>
    </xf>
    <xf numFmtId="0" fontId="17" fillId="0" borderId="2" xfId="0" applyFont="1" applyBorder="1" applyAlignment="1">
      <alignment horizontal="left" vertical="center" wrapText="1"/>
    </xf>
    <xf numFmtId="0" fontId="17" fillId="0" borderId="1" xfId="0" applyFont="1" applyBorder="1" applyAlignment="1">
      <alignment horizontal="left" vertical="center" wrapText="1"/>
    </xf>
    <xf numFmtId="0" fontId="2" fillId="0" borderId="0" xfId="0" applyFont="1" applyAlignment="1">
      <alignment horizontal="left" vertical="center" wrapText="1"/>
    </xf>
    <xf numFmtId="0" fontId="5" fillId="0" borderId="0" xfId="0" applyFont="1" applyAlignment="1">
      <alignment horizontal="left" vertical="center" wrapText="1"/>
    </xf>
    <xf numFmtId="0" fontId="0" fillId="0" borderId="0" xfId="0" applyAlignment="1">
      <alignment horizontal="center" vertical="center"/>
    </xf>
    <xf numFmtId="0" fontId="9" fillId="0" borderId="17" xfId="0" applyFont="1" applyBorder="1" applyAlignment="1">
      <alignment horizontal="center" vertical="center"/>
    </xf>
    <xf numFmtId="0" fontId="9" fillId="0" borderId="13" xfId="0" applyFont="1" applyBorder="1" applyAlignment="1">
      <alignment horizontal="center" vertical="center"/>
    </xf>
    <xf numFmtId="0" fontId="5" fillId="0" borderId="0" xfId="0" applyFont="1" applyAlignment="1">
      <alignment horizontal="center" vertical="center" wrapText="1"/>
    </xf>
    <xf numFmtId="0" fontId="16" fillId="2" borderId="1" xfId="0" applyFont="1" applyFill="1" applyBorder="1" applyAlignment="1">
      <alignment horizontal="center" vertical="center" wrapText="1"/>
    </xf>
    <xf numFmtId="0" fontId="17" fillId="0" borderId="7" xfId="0" applyFont="1" applyBorder="1" applyAlignment="1">
      <alignment horizontal="center" vertical="center" wrapText="1"/>
    </xf>
    <xf numFmtId="0" fontId="17" fillId="0" borderId="4" xfId="0" applyFont="1" applyBorder="1" applyAlignment="1">
      <alignment horizontal="center" vertical="center" wrapText="1"/>
    </xf>
    <xf numFmtId="0" fontId="17" fillId="0" borderId="3" xfId="0" applyFont="1" applyBorder="1" applyAlignment="1">
      <alignment horizontal="center" vertical="center" wrapText="1"/>
    </xf>
    <xf numFmtId="0" fontId="18" fillId="0" borderId="3" xfId="0" applyFont="1" applyBorder="1" applyAlignment="1">
      <alignment horizontal="center" vertical="center" wrapText="1"/>
    </xf>
    <xf numFmtId="0" fontId="18" fillId="0" borderId="7" xfId="0" applyFont="1" applyBorder="1" applyAlignment="1">
      <alignment horizontal="center" vertical="center" wrapText="1"/>
    </xf>
    <xf numFmtId="0" fontId="18" fillId="0" borderId="4" xfId="0" applyFont="1" applyBorder="1" applyAlignment="1">
      <alignment horizontal="center" vertical="center" wrapText="1"/>
    </xf>
    <xf numFmtId="0" fontId="20" fillId="0" borderId="7" xfId="0" applyFont="1" applyBorder="1" applyAlignment="1">
      <alignment horizontal="center" vertical="center" wrapText="1"/>
    </xf>
    <xf numFmtId="0" fontId="17" fillId="0" borderId="1" xfId="0" applyFont="1" applyBorder="1" applyAlignment="1">
      <alignment horizontal="center" vertical="center" wrapText="1"/>
    </xf>
    <xf numFmtId="0" fontId="20" fillId="0" borderId="3" xfId="0" applyFont="1" applyBorder="1" applyAlignment="1">
      <alignment horizontal="center" vertical="center" wrapText="1"/>
    </xf>
    <xf numFmtId="0" fontId="2" fillId="0" borderId="0" xfId="0" applyFont="1" applyAlignment="1">
      <alignment horizontal="center" vertical="center" wrapText="1"/>
    </xf>
    <xf numFmtId="0" fontId="4" fillId="0" borderId="0" xfId="1" applyFont="1" applyFill="1" applyAlignment="1">
      <alignment horizontal="center" vertical="center" wrapText="1"/>
    </xf>
    <xf numFmtId="0" fontId="1" fillId="0" borderId="0" xfId="0" applyFont="1" applyAlignment="1">
      <alignment horizontal="center" vertical="center" wrapText="1"/>
    </xf>
    <xf numFmtId="0" fontId="13" fillId="0" borderId="0" xfId="0" applyFont="1" applyAlignment="1">
      <alignment horizontal="left" vertical="center"/>
    </xf>
    <xf numFmtId="0" fontId="0" fillId="0" borderId="13" xfId="0" applyBorder="1" applyAlignment="1">
      <alignment vertical="center" wrapText="1"/>
    </xf>
    <xf numFmtId="0" fontId="15" fillId="5" borderId="9" xfId="4" applyBorder="1" applyAlignment="1">
      <alignment horizontal="left" vertical="center"/>
    </xf>
    <xf numFmtId="0" fontId="15" fillId="5" borderId="9" xfId="4" applyBorder="1" applyAlignment="1">
      <alignment horizontal="left" vertical="top" wrapText="1"/>
    </xf>
    <xf numFmtId="0" fontId="15" fillId="5" borderId="9" xfId="4" applyBorder="1" applyAlignment="1">
      <alignment horizontal="left" vertical="center" wrapText="1"/>
    </xf>
    <xf numFmtId="0" fontId="13" fillId="0" borderId="9" xfId="0" applyFont="1" applyBorder="1" applyAlignment="1">
      <alignment horizontal="left" vertical="center" wrapText="1"/>
    </xf>
    <xf numFmtId="0" fontId="9" fillId="0" borderId="9" xfId="0" applyFont="1" applyBorder="1" applyAlignment="1">
      <alignment horizontal="left"/>
    </xf>
    <xf numFmtId="0" fontId="7" fillId="2" borderId="9" xfId="0" applyFont="1" applyFill="1" applyBorder="1" applyAlignment="1">
      <alignment horizontal="left" vertical="center" wrapText="1"/>
    </xf>
    <xf numFmtId="0" fontId="7" fillId="2" borderId="9" xfId="3" applyFont="1" applyFill="1" applyBorder="1" applyAlignment="1">
      <alignment horizontal="left" vertical="center" wrapText="1"/>
    </xf>
    <xf numFmtId="0" fontId="7" fillId="2" borderId="9" xfId="2" applyFont="1" applyFill="1" applyBorder="1" applyAlignment="1">
      <alignment horizontal="left" vertical="center" wrapText="1"/>
    </xf>
    <xf numFmtId="0" fontId="7" fillId="2" borderId="9" xfId="0" applyFont="1" applyFill="1" applyBorder="1" applyAlignment="1">
      <alignment horizontal="left"/>
    </xf>
    <xf numFmtId="0" fontId="7" fillId="0" borderId="9" xfId="0" applyFont="1" applyBorder="1" applyAlignment="1">
      <alignment horizontal="left"/>
    </xf>
    <xf numFmtId="0" fontId="7" fillId="2" borderId="9" xfId="2" applyFont="1" applyFill="1" applyBorder="1" applyAlignment="1">
      <alignment horizontal="left" vertical="center" textRotation="90" wrapText="1"/>
    </xf>
    <xf numFmtId="0" fontId="11" fillId="2" borderId="9" xfId="3" applyFont="1" applyFill="1" applyBorder="1" applyAlignment="1">
      <alignment horizontal="left" vertical="center" textRotation="90" wrapText="1"/>
    </xf>
    <xf numFmtId="1" fontId="15" fillId="5" borderId="9" xfId="4" applyNumberFormat="1" applyBorder="1" applyAlignment="1">
      <alignment horizontal="left" vertical="center" wrapText="1"/>
    </xf>
    <xf numFmtId="1" fontId="11" fillId="5" borderId="9" xfId="4" applyNumberFormat="1" applyFont="1" applyBorder="1" applyAlignment="1">
      <alignment horizontal="left" vertical="center" wrapText="1"/>
    </xf>
    <xf numFmtId="0" fontId="9" fillId="0" borderId="9" xfId="0" applyFont="1" applyBorder="1" applyAlignment="1">
      <alignment horizontal="left" vertical="center" wrapText="1"/>
    </xf>
    <xf numFmtId="0" fontId="9" fillId="0" borderId="9" xfId="0" applyFont="1" applyBorder="1" applyAlignment="1">
      <alignment horizontal="left" vertical="center"/>
    </xf>
    <xf numFmtId="0" fontId="15" fillId="5" borderId="9" xfId="4" applyBorder="1" applyAlignment="1">
      <alignment horizontal="left"/>
    </xf>
    <xf numFmtId="0" fontId="15" fillId="5" borderId="9" xfId="4" applyBorder="1" applyAlignment="1">
      <alignment horizontal="left" wrapText="1"/>
    </xf>
    <xf numFmtId="0" fontId="0" fillId="0" borderId="9" xfId="0" applyBorder="1" applyAlignment="1">
      <alignment horizontal="left" wrapText="1"/>
    </xf>
    <xf numFmtId="0" fontId="14" fillId="0" borderId="9" xfId="3" applyFill="1" applyBorder="1" applyAlignment="1">
      <alignment horizontal="left" vertical="center" wrapText="1"/>
    </xf>
    <xf numFmtId="0" fontId="14" fillId="0" borderId="9" xfId="2" applyFill="1" applyBorder="1" applyAlignment="1">
      <alignment horizontal="left" vertical="center" wrapText="1"/>
    </xf>
    <xf numFmtId="1" fontId="9" fillId="0" borderId="9" xfId="3" applyNumberFormat="1" applyFont="1" applyFill="1" applyBorder="1" applyAlignment="1">
      <alignment horizontal="left" vertical="center" wrapText="1"/>
    </xf>
    <xf numFmtId="0" fontId="9" fillId="0" borderId="9" xfId="3" applyFont="1" applyFill="1" applyBorder="1" applyAlignment="1">
      <alignment horizontal="left" vertical="center" wrapText="1"/>
    </xf>
    <xf numFmtId="0" fontId="14" fillId="0" borderId="9" xfId="2" applyFill="1" applyBorder="1" applyAlignment="1">
      <alignment horizontal="left" wrapText="1"/>
    </xf>
    <xf numFmtId="0" fontId="1" fillId="0" borderId="11" xfId="0" applyFont="1" applyBorder="1" applyAlignment="1">
      <alignment horizontal="center" vertical="center" wrapText="1"/>
    </xf>
    <xf numFmtId="0" fontId="1" fillId="0" borderId="12" xfId="0" applyFont="1" applyBorder="1" applyAlignment="1">
      <alignment horizontal="center" vertical="center" wrapText="1"/>
    </xf>
    <xf numFmtId="0" fontId="1" fillId="0" borderId="10" xfId="0" applyFont="1" applyBorder="1" applyAlignment="1">
      <alignment horizontal="center" vertical="center" wrapText="1"/>
    </xf>
    <xf numFmtId="0" fontId="17" fillId="0" borderId="7" xfId="0" applyFont="1" applyBorder="1" applyAlignment="1">
      <alignment horizontal="left" vertical="center" wrapText="1"/>
    </xf>
    <xf numFmtId="0" fontId="17" fillId="0" borderId="4" xfId="0" applyFont="1" applyBorder="1" applyAlignment="1">
      <alignment horizontal="left" vertical="center" wrapText="1"/>
    </xf>
    <xf numFmtId="0" fontId="17" fillId="0" borderId="3" xfId="0" applyFont="1" applyBorder="1" applyAlignment="1">
      <alignment horizontal="left" vertical="center" wrapText="1"/>
    </xf>
    <xf numFmtId="0" fontId="20" fillId="0" borderId="7" xfId="0" applyFont="1" applyBorder="1" applyAlignment="1">
      <alignment horizontal="left" vertical="center" wrapText="1"/>
    </xf>
    <xf numFmtId="0" fontId="20" fillId="0" borderId="4" xfId="0" applyFont="1" applyBorder="1" applyAlignment="1">
      <alignment horizontal="left" vertical="center" wrapText="1"/>
    </xf>
    <xf numFmtId="0" fontId="20" fillId="0" borderId="3" xfId="0" applyFont="1" applyBorder="1" applyAlignment="1">
      <alignment horizontal="left" vertical="center" wrapText="1"/>
    </xf>
    <xf numFmtId="0" fontId="1" fillId="0" borderId="7" xfId="0" applyFont="1" applyBorder="1" applyAlignment="1">
      <alignment horizontal="center" vertical="center" wrapText="1"/>
    </xf>
    <xf numFmtId="0" fontId="1" fillId="0" borderId="4" xfId="0" applyFont="1" applyBorder="1" applyAlignment="1">
      <alignment horizontal="center" vertical="center" wrapText="1"/>
    </xf>
    <xf numFmtId="0" fontId="1" fillId="0" borderId="3" xfId="0" applyFont="1" applyBorder="1" applyAlignment="1">
      <alignment horizontal="center" vertical="center" wrapText="1"/>
    </xf>
    <xf numFmtId="0" fontId="18" fillId="0" borderId="7" xfId="0" applyFont="1" applyBorder="1" applyAlignment="1">
      <alignment horizontal="left" vertical="center" wrapText="1"/>
    </xf>
    <xf numFmtId="0" fontId="18" fillId="0" borderId="4" xfId="0" applyFont="1" applyBorder="1" applyAlignment="1">
      <alignment horizontal="left" vertical="center" wrapText="1"/>
    </xf>
    <xf numFmtId="0" fontId="18" fillId="0" borderId="3" xfId="0" applyFont="1" applyBorder="1" applyAlignment="1">
      <alignment horizontal="left" vertical="center" wrapText="1"/>
    </xf>
    <xf numFmtId="0" fontId="7" fillId="2" borderId="9" xfId="3" applyFont="1" applyFill="1" applyBorder="1" applyAlignment="1">
      <alignment horizontal="left" vertical="center" wrapText="1"/>
    </xf>
    <xf numFmtId="0" fontId="14" fillId="0" borderId="11" xfId="2" applyFill="1" applyBorder="1" applyAlignment="1">
      <alignment horizontal="left" vertical="center" wrapText="1"/>
    </xf>
    <xf numFmtId="0" fontId="14" fillId="0" borderId="12" xfId="2" applyFill="1" applyBorder="1" applyAlignment="1">
      <alignment horizontal="left" vertical="center" wrapText="1"/>
    </xf>
    <xf numFmtId="0" fontId="14" fillId="0" borderId="10" xfId="2" applyFill="1" applyBorder="1" applyAlignment="1">
      <alignment horizontal="left" vertical="center" wrapText="1"/>
    </xf>
    <xf numFmtId="0" fontId="7" fillId="0" borderId="9" xfId="0" applyFont="1" applyBorder="1" applyAlignment="1">
      <alignment horizontal="left" vertical="center" wrapText="1"/>
    </xf>
    <xf numFmtId="0" fontId="0" fillId="0" borderId="9" xfId="0" applyBorder="1" applyAlignment="1">
      <alignment horizontal="left" vertical="center" wrapText="1"/>
    </xf>
    <xf numFmtId="0" fontId="14" fillId="0" borderId="9" xfId="2" applyFill="1" applyBorder="1" applyAlignment="1">
      <alignment horizontal="left" vertical="center" wrapText="1"/>
    </xf>
    <xf numFmtId="0" fontId="14" fillId="0" borderId="9" xfId="3" applyFill="1" applyBorder="1" applyAlignment="1">
      <alignment horizontal="left" vertical="center" wrapText="1"/>
    </xf>
    <xf numFmtId="0" fontId="15" fillId="5" borderId="9" xfId="4" applyBorder="1" applyAlignment="1">
      <alignment horizontal="left" vertical="center" wrapText="1"/>
    </xf>
    <xf numFmtId="0" fontId="0" fillId="0" borderId="9" xfId="0" applyBorder="1" applyAlignment="1">
      <alignment horizontal="left" vertical="top" wrapText="1"/>
    </xf>
    <xf numFmtId="0" fontId="7" fillId="2" borderId="9" xfId="2" applyFont="1" applyFill="1" applyBorder="1" applyAlignment="1">
      <alignment horizontal="left" vertical="center" wrapText="1"/>
    </xf>
    <xf numFmtId="0" fontId="9" fillId="0" borderId="9" xfId="0" applyFont="1" applyBorder="1" applyAlignment="1">
      <alignment horizontal="left" vertical="center" wrapText="1"/>
    </xf>
    <xf numFmtId="0" fontId="11" fillId="2" borderId="9" xfId="3" applyFont="1" applyFill="1" applyBorder="1" applyAlignment="1">
      <alignment horizontal="left" vertical="center" wrapText="1"/>
    </xf>
    <xf numFmtId="0" fontId="7" fillId="2" borderId="9" xfId="0" applyFont="1" applyFill="1" applyBorder="1" applyAlignment="1">
      <alignment horizontal="left"/>
    </xf>
    <xf numFmtId="0" fontId="9" fillId="0" borderId="9" xfId="0" applyFont="1" applyBorder="1" applyAlignment="1">
      <alignment horizontal="left" vertical="top" wrapText="1"/>
    </xf>
    <xf numFmtId="0" fontId="11" fillId="0" borderId="9" xfId="0" applyFont="1" applyBorder="1" applyAlignment="1">
      <alignment horizontal="left" vertical="center" wrapText="1"/>
    </xf>
    <xf numFmtId="0" fontId="7" fillId="2" borderId="9" xfId="0" applyFont="1" applyFill="1" applyBorder="1" applyAlignment="1">
      <alignment horizontal="left" vertical="top" wrapText="1"/>
    </xf>
  </cellXfs>
  <cellStyles count="5">
    <cellStyle name="20% - Accent5" xfId="2" builtinId="46"/>
    <cellStyle name="40% - Accent5" xfId="3" builtinId="47"/>
    <cellStyle name="Check Cell" xfId="4" builtinId="23"/>
    <cellStyle name="Hyperlink" xfId="1" builtinId="8"/>
    <cellStyle name="Normal" xfId="0" builtinId="0"/>
  </cellStyles>
  <dxfs count="7">
    <dxf>
      <fill>
        <patternFill patternType="solid">
          <fgColor theme="0" tint="-0.14999847407452621"/>
          <bgColor theme="0" tint="-0.14999847407452621"/>
        </patternFill>
      </fill>
    </dxf>
    <dxf>
      <fill>
        <patternFill patternType="solid">
          <fgColor theme="0" tint="-0.14999847407452621"/>
          <bgColor theme="0" tint="-0.14999847407452621"/>
        </patternFill>
      </fill>
    </dxf>
    <dxf>
      <font>
        <b/>
        <color theme="1"/>
      </font>
    </dxf>
    <dxf>
      <font>
        <b/>
        <color theme="1"/>
      </font>
    </dxf>
    <dxf>
      <font>
        <b/>
        <color theme="1"/>
      </font>
      <border>
        <top style="double">
          <color theme="1"/>
        </top>
      </border>
    </dxf>
    <dxf>
      <font>
        <b/>
        <color theme="0"/>
      </font>
      <fill>
        <patternFill patternType="solid">
          <fgColor auto="1"/>
          <bgColor theme="3"/>
        </patternFill>
      </fill>
    </dxf>
    <dxf>
      <font>
        <color theme="1"/>
      </font>
      <border diagonalUp="0" diagonalDown="0">
        <left style="thin">
          <color theme="3"/>
        </left>
        <right style="thin">
          <color theme="3"/>
        </right>
        <top style="thin">
          <color theme="3"/>
        </top>
        <bottom style="thin">
          <color theme="3"/>
        </bottom>
        <vertical style="thin">
          <color theme="3"/>
        </vertical>
        <horizontal style="thin">
          <color theme="3"/>
        </horizontal>
      </border>
    </dxf>
  </dxfs>
  <tableStyles count="1" defaultTableStyle="Sintef" defaultPivotStyle="PivotStyleLight16">
    <tableStyle name="Sintef" pivot="0" count="7" xr9:uid="{2F7DDD9D-D07E-454C-B368-8079547A2C39}">
      <tableStyleElement type="wholeTable" dxfId="6"/>
      <tableStyleElement type="headerRow" dxfId="5"/>
      <tableStyleElement type="totalRow" dxfId="4"/>
      <tableStyleElement type="firstColumn" dxfId="3"/>
      <tableStyleElement type="lastColumn" dxfId="2"/>
      <tableStyleElement type="firstRowStripe" dxfId="1"/>
      <tableStyleElement type="firstColumnStripe" dxfId="0"/>
    </tableStyle>
  </tableStyle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5.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4.xml"/><Relationship Id="rId5" Type="http://schemas.openxmlformats.org/officeDocument/2006/relationships/theme" Target="theme/theme1.xml"/><Relationship Id="rId10" Type="http://schemas.openxmlformats.org/officeDocument/2006/relationships/customXml" Target="../customXml/item3.xml"/><Relationship Id="rId4" Type="http://schemas.openxmlformats.org/officeDocument/2006/relationships/worksheet" Target="worksheets/sheet4.xml"/><Relationship Id="rId9" Type="http://schemas.openxmlformats.org/officeDocument/2006/relationships/customXml" Target="../customXml/item2.xml"/></Relationships>
</file>

<file path=xl/theme/theme1.xml><?xml version="1.0" encoding="utf-8"?>
<a:theme xmlns:a="http://schemas.openxmlformats.org/drawingml/2006/main" name="Office Theme">
  <a:themeElements>
    <a:clrScheme name="SINTEF">
      <a:dk1>
        <a:sysClr val="windowText" lastClr="000000"/>
      </a:dk1>
      <a:lt1>
        <a:sysClr val="window" lastClr="FFFFFF"/>
      </a:lt1>
      <a:dk2>
        <a:srgbClr val="003C65"/>
      </a:dk2>
      <a:lt2>
        <a:srgbClr val="EBEBE6"/>
      </a:lt2>
      <a:accent1>
        <a:srgbClr val="14B978"/>
      </a:accent1>
      <a:accent2>
        <a:srgbClr val="CDFAE1"/>
      </a:accent2>
      <a:accent3>
        <a:srgbClr val="004628"/>
      </a:accent3>
      <a:accent4>
        <a:srgbClr val="C89B14"/>
      </a:accent4>
      <a:accent5>
        <a:srgbClr val="BE3C37"/>
      </a:accent5>
      <a:accent6>
        <a:srgbClr val="780050"/>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4.xml.rels><?xml version="1.0" encoding="UTF-8" standalone="yes"?>
<Relationships xmlns="http://schemas.openxmlformats.org/package/2006/relationships"><Relationship Id="rId3" Type="http://schemas.openxmlformats.org/officeDocument/2006/relationships/hyperlink" Target="https://www.nve.no/flaum-og-skred/kartlegging/faresonekart-kommuner/" TargetMode="External"/><Relationship Id="rId2" Type="http://schemas.openxmlformats.org/officeDocument/2006/relationships/hyperlink" Target="https://www.regjeringen.no/no/dokumenter/nou-2010-10-2/id668985/?q=2010" TargetMode="External"/><Relationship Id="rId1" Type="http://schemas.openxmlformats.org/officeDocument/2006/relationships/hyperlink" Target="https://www.regjeringen.no/no/dokumenter/nou-2010-10/id624355/" TargetMode="External"/><Relationship Id="rId6" Type="http://schemas.openxmlformats.org/officeDocument/2006/relationships/printerSettings" Target="../printerSettings/printerSettings3.bin"/><Relationship Id="rId5" Type="http://schemas.openxmlformats.org/officeDocument/2006/relationships/hyperlink" Target="https://temakart.nve.no/tema/sikringstiltak" TargetMode="External"/><Relationship Id="rId4" Type="http://schemas.openxmlformats.org/officeDocument/2006/relationships/hyperlink" Target="https://www.nve.no/flaum-og-skred/kartlegging/faresonekart-kommuner/"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1705693-B812-40D7-8840-CCFB211CFF00}">
  <dimension ref="A1:B16"/>
  <sheetViews>
    <sheetView workbookViewId="0">
      <selection activeCell="A7" sqref="A7"/>
    </sheetView>
  </sheetViews>
  <sheetFormatPr defaultColWidth="9.140625" defaultRowHeight="15" x14ac:dyDescent="0.25"/>
  <sheetData>
    <row r="1" spans="1:2" ht="23.25" x14ac:dyDescent="0.35">
      <c r="A1" s="8" t="s">
        <v>693</v>
      </c>
    </row>
    <row r="3" spans="1:2" x14ac:dyDescent="0.25">
      <c r="A3" s="2" t="s">
        <v>694</v>
      </c>
    </row>
    <row r="6" spans="1:2" x14ac:dyDescent="0.25">
      <c r="A6" t="s">
        <v>709</v>
      </c>
    </row>
    <row r="7" spans="1:2" x14ac:dyDescent="0.25">
      <c r="B7" t="s">
        <v>0</v>
      </c>
    </row>
    <row r="8" spans="1:2" x14ac:dyDescent="0.25">
      <c r="B8" t="s">
        <v>707</v>
      </c>
    </row>
    <row r="9" spans="1:2" x14ac:dyDescent="0.25">
      <c r="B9" t="s">
        <v>708</v>
      </c>
    </row>
    <row r="10" spans="1:2" x14ac:dyDescent="0.25">
      <c r="A10" s="1"/>
    </row>
    <row r="13" spans="1:2" x14ac:dyDescent="0.25">
      <c r="A13" s="1"/>
    </row>
    <row r="16" spans="1:2" x14ac:dyDescent="0.25">
      <c r="A16" s="6"/>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2F76A8F-C603-4821-80BB-376F9C1D8D4D}">
  <dimension ref="A1:T98"/>
  <sheetViews>
    <sheetView topLeftCell="A35" zoomScale="80" zoomScaleNormal="80" workbookViewId="0">
      <selection activeCell="G7" sqref="G7"/>
    </sheetView>
  </sheetViews>
  <sheetFormatPr defaultColWidth="9.140625" defaultRowHeight="15.75" x14ac:dyDescent="0.25"/>
  <cols>
    <col min="1" max="1" width="10.5703125" style="108" customWidth="1"/>
    <col min="2" max="2" width="9.140625" style="92"/>
    <col min="3" max="3" width="37.140625" style="50" customWidth="1"/>
    <col min="4" max="4" width="74.140625" style="51" customWidth="1"/>
    <col min="5" max="5" width="16.42578125" style="50" customWidth="1"/>
    <col min="6" max="6" width="9.140625" style="50"/>
    <col min="7" max="7" width="28.28515625" style="50" customWidth="1"/>
    <col min="8" max="8" width="99" style="51" customWidth="1"/>
  </cols>
  <sheetData>
    <row r="1" spans="1:20" ht="24" thickBot="1" x14ac:dyDescent="0.3">
      <c r="A1" s="109" t="s">
        <v>695</v>
      </c>
    </row>
    <row r="2" spans="1:20" s="12" customFormat="1" x14ac:dyDescent="0.25">
      <c r="A2" s="27"/>
      <c r="B2" s="9" t="s">
        <v>1</v>
      </c>
      <c r="C2" s="4" t="s">
        <v>2</v>
      </c>
      <c r="D2" s="4" t="s">
        <v>3</v>
      </c>
      <c r="E2" s="4" t="s">
        <v>4</v>
      </c>
      <c r="F2" s="4" t="s">
        <v>5</v>
      </c>
      <c r="G2" s="4" t="s">
        <v>6</v>
      </c>
      <c r="H2" s="4" t="s">
        <v>7</v>
      </c>
      <c r="L2"/>
      <c r="M2"/>
      <c r="N2"/>
      <c r="O2"/>
      <c r="P2"/>
      <c r="Q2"/>
      <c r="R2"/>
      <c r="S2"/>
      <c r="T2"/>
    </row>
    <row r="3" spans="1:20" ht="120" x14ac:dyDescent="0.25">
      <c r="A3" s="135" t="s">
        <v>8</v>
      </c>
      <c r="B3" s="43" t="s">
        <v>9</v>
      </c>
      <c r="C3" s="16" t="s">
        <v>10</v>
      </c>
      <c r="D3" s="17" t="s">
        <v>11</v>
      </c>
      <c r="E3" s="18"/>
      <c r="F3" s="18"/>
      <c r="G3" s="17" t="s">
        <v>12</v>
      </c>
      <c r="H3" s="17" t="s">
        <v>13</v>
      </c>
    </row>
    <row r="4" spans="1:20" ht="45" x14ac:dyDescent="0.25">
      <c r="A4" s="136"/>
      <c r="B4" s="93"/>
      <c r="C4" s="19"/>
      <c r="D4" s="20" t="s">
        <v>14</v>
      </c>
      <c r="E4" s="21" t="s">
        <v>15</v>
      </c>
      <c r="F4" s="19" t="s">
        <v>16</v>
      </c>
      <c r="G4" s="19" t="s">
        <v>17</v>
      </c>
      <c r="H4" s="21" t="s">
        <v>18</v>
      </c>
    </row>
    <row r="5" spans="1:20" ht="30" x14ac:dyDescent="0.25">
      <c r="A5" s="136"/>
      <c r="B5" s="93"/>
      <c r="C5" s="19"/>
      <c r="D5" s="20" t="s">
        <v>19</v>
      </c>
      <c r="E5" s="21" t="s">
        <v>15</v>
      </c>
      <c r="F5" s="19" t="s">
        <v>16</v>
      </c>
      <c r="G5" s="19" t="s">
        <v>17</v>
      </c>
      <c r="H5" s="21" t="s">
        <v>20</v>
      </c>
    </row>
    <row r="6" spans="1:20" ht="30" x14ac:dyDescent="0.25">
      <c r="A6" s="136"/>
      <c r="B6" s="94"/>
      <c r="C6" s="22"/>
      <c r="D6" s="23" t="s">
        <v>21</v>
      </c>
      <c r="E6" s="24" t="s">
        <v>15</v>
      </c>
      <c r="F6" s="22" t="s">
        <v>16</v>
      </c>
      <c r="G6" s="22" t="s">
        <v>17</v>
      </c>
      <c r="H6" s="24" t="s">
        <v>22</v>
      </c>
    </row>
    <row r="7" spans="1:20" ht="135" x14ac:dyDescent="0.25">
      <c r="A7" s="136"/>
      <c r="B7" s="43" t="s">
        <v>23</v>
      </c>
      <c r="C7" s="25" t="s">
        <v>10</v>
      </c>
      <c r="D7" s="26" t="s">
        <v>24</v>
      </c>
      <c r="E7" s="18"/>
      <c r="F7" s="18"/>
      <c r="G7" s="17" t="s">
        <v>25</v>
      </c>
      <c r="H7" s="17" t="s">
        <v>26</v>
      </c>
    </row>
    <row r="8" spans="1:20" ht="30" x14ac:dyDescent="0.25">
      <c r="A8" s="136"/>
      <c r="B8" s="47"/>
      <c r="C8" s="52"/>
      <c r="D8" s="20" t="s">
        <v>27</v>
      </c>
      <c r="E8" s="21" t="s">
        <v>15</v>
      </c>
      <c r="F8" s="19" t="s">
        <v>16</v>
      </c>
      <c r="G8" s="19" t="s">
        <v>17</v>
      </c>
      <c r="H8" s="21"/>
    </row>
    <row r="9" spans="1:20" ht="30" x14ac:dyDescent="0.25">
      <c r="A9" s="136"/>
      <c r="B9" s="46"/>
      <c r="C9" s="53"/>
      <c r="D9" s="24" t="s">
        <v>28</v>
      </c>
      <c r="E9" s="24" t="s">
        <v>15</v>
      </c>
      <c r="F9" s="22" t="s">
        <v>16</v>
      </c>
      <c r="G9" s="22" t="s">
        <v>17</v>
      </c>
      <c r="H9" s="24"/>
    </row>
    <row r="10" spans="1:20" ht="30" x14ac:dyDescent="0.25">
      <c r="A10" s="136"/>
      <c r="B10" s="44" t="s">
        <v>29</v>
      </c>
      <c r="C10" s="28" t="s">
        <v>10</v>
      </c>
      <c r="D10" s="29" t="s">
        <v>30</v>
      </c>
      <c r="E10" s="27" t="s">
        <v>31</v>
      </c>
      <c r="F10" s="30" t="s">
        <v>16</v>
      </c>
      <c r="G10" s="30" t="s">
        <v>17</v>
      </c>
      <c r="H10" s="29" t="s">
        <v>32</v>
      </c>
    </row>
    <row r="11" spans="1:20" ht="30" x14ac:dyDescent="0.25">
      <c r="A11" s="136"/>
      <c r="B11" s="45" t="s">
        <v>33</v>
      </c>
      <c r="C11" s="28" t="s">
        <v>10</v>
      </c>
      <c r="D11" s="3" t="s">
        <v>34</v>
      </c>
      <c r="E11" s="27" t="s">
        <v>31</v>
      </c>
      <c r="F11" s="30" t="s">
        <v>16</v>
      </c>
      <c r="G11" s="30" t="s">
        <v>17</v>
      </c>
      <c r="H11" s="110" t="s">
        <v>35</v>
      </c>
    </row>
    <row r="12" spans="1:20" ht="30" x14ac:dyDescent="0.25">
      <c r="A12" s="136"/>
      <c r="B12" s="43" t="s">
        <v>36</v>
      </c>
      <c r="C12" s="16" t="s">
        <v>37</v>
      </c>
      <c r="D12" s="17" t="s">
        <v>38</v>
      </c>
      <c r="E12" s="15" t="s">
        <v>31</v>
      </c>
      <c r="F12" s="18" t="s">
        <v>16</v>
      </c>
      <c r="G12" s="18" t="s">
        <v>17</v>
      </c>
      <c r="H12" s="17" t="s">
        <v>39</v>
      </c>
    </row>
    <row r="13" spans="1:20" ht="15" x14ac:dyDescent="0.25">
      <c r="A13" s="136"/>
      <c r="B13" s="46"/>
      <c r="C13" s="32"/>
      <c r="D13" s="24" t="s">
        <v>40</v>
      </c>
      <c r="E13" s="22"/>
      <c r="F13" s="22"/>
      <c r="G13" s="22"/>
      <c r="H13" s="24"/>
    </row>
    <row r="14" spans="1:20" ht="15" x14ac:dyDescent="0.25">
      <c r="A14" s="136"/>
      <c r="B14" s="44" t="s">
        <v>41</v>
      </c>
      <c r="C14" s="33" t="s">
        <v>42</v>
      </c>
      <c r="D14" s="29" t="s">
        <v>43</v>
      </c>
      <c r="E14" s="27" t="s">
        <v>31</v>
      </c>
      <c r="F14" s="30" t="s">
        <v>16</v>
      </c>
      <c r="G14" s="30" t="s">
        <v>17</v>
      </c>
      <c r="H14" s="29" t="s">
        <v>39</v>
      </c>
    </row>
    <row r="15" spans="1:20" ht="30" x14ac:dyDescent="0.25">
      <c r="A15" s="136"/>
      <c r="B15" s="44" t="s">
        <v>44</v>
      </c>
      <c r="C15" s="33" t="s">
        <v>45</v>
      </c>
      <c r="D15" s="3" t="s">
        <v>46</v>
      </c>
      <c r="E15" s="27" t="s">
        <v>31</v>
      </c>
      <c r="F15" s="30" t="s">
        <v>16</v>
      </c>
      <c r="G15" s="30" t="s">
        <v>17</v>
      </c>
      <c r="H15" s="29" t="s">
        <v>47</v>
      </c>
    </row>
    <row r="16" spans="1:20" ht="45" x14ac:dyDescent="0.25">
      <c r="A16" s="136"/>
      <c r="B16" s="44" t="s">
        <v>48</v>
      </c>
      <c r="C16" s="33" t="s">
        <v>49</v>
      </c>
      <c r="D16" s="29" t="s">
        <v>50</v>
      </c>
      <c r="E16" s="27" t="s">
        <v>31</v>
      </c>
      <c r="F16" s="30" t="s">
        <v>16</v>
      </c>
      <c r="G16" s="30" t="s">
        <v>17</v>
      </c>
      <c r="H16" s="29"/>
    </row>
    <row r="17" spans="1:8" ht="30" x14ac:dyDescent="0.25">
      <c r="A17" s="137"/>
      <c r="B17" s="44" t="s">
        <v>51</v>
      </c>
      <c r="C17" s="33" t="s">
        <v>49</v>
      </c>
      <c r="D17" s="29" t="s">
        <v>52</v>
      </c>
      <c r="E17" s="29" t="s">
        <v>53</v>
      </c>
      <c r="F17" s="30" t="s">
        <v>16</v>
      </c>
      <c r="G17" s="30" t="s">
        <v>17</v>
      </c>
      <c r="H17" s="29" t="s">
        <v>54</v>
      </c>
    </row>
    <row r="18" spans="1:8" ht="30" x14ac:dyDescent="0.25">
      <c r="A18" s="135" t="s">
        <v>55</v>
      </c>
      <c r="B18" s="44" t="s">
        <v>56</v>
      </c>
      <c r="C18" s="34" t="s">
        <v>57</v>
      </c>
      <c r="D18" s="29" t="s">
        <v>58</v>
      </c>
      <c r="E18" s="27" t="s">
        <v>59</v>
      </c>
      <c r="F18" s="30" t="s">
        <v>16</v>
      </c>
      <c r="G18" s="30" t="s">
        <v>17</v>
      </c>
      <c r="H18" s="29" t="s">
        <v>60</v>
      </c>
    </row>
    <row r="19" spans="1:8" ht="30" x14ac:dyDescent="0.25">
      <c r="A19" s="136"/>
      <c r="B19" s="44" t="s">
        <v>61</v>
      </c>
      <c r="C19" s="34" t="s">
        <v>57</v>
      </c>
      <c r="D19" s="29" t="s">
        <v>62</v>
      </c>
      <c r="E19" s="27" t="s">
        <v>59</v>
      </c>
      <c r="F19" s="30" t="s">
        <v>16</v>
      </c>
      <c r="G19" s="30" t="s">
        <v>17</v>
      </c>
      <c r="H19" s="29" t="s">
        <v>63</v>
      </c>
    </row>
    <row r="20" spans="1:8" ht="45" x14ac:dyDescent="0.25">
      <c r="A20" s="136"/>
      <c r="B20" s="44" t="s">
        <v>64</v>
      </c>
      <c r="C20" s="34" t="s">
        <v>57</v>
      </c>
      <c r="D20" s="29" t="s">
        <v>65</v>
      </c>
      <c r="E20" s="27" t="s">
        <v>59</v>
      </c>
      <c r="F20" s="30" t="s">
        <v>16</v>
      </c>
      <c r="G20" s="30" t="s">
        <v>17</v>
      </c>
      <c r="H20" s="29" t="s">
        <v>66</v>
      </c>
    </row>
    <row r="21" spans="1:8" ht="45" x14ac:dyDescent="0.25">
      <c r="A21" s="136"/>
      <c r="B21" s="44" t="s">
        <v>67</v>
      </c>
      <c r="C21" s="54" t="s">
        <v>68</v>
      </c>
      <c r="D21" s="29" t="s">
        <v>69</v>
      </c>
      <c r="E21" s="27" t="s">
        <v>59</v>
      </c>
      <c r="F21" s="30" t="s">
        <v>16</v>
      </c>
      <c r="G21" s="30" t="s">
        <v>17</v>
      </c>
      <c r="H21" s="29" t="s">
        <v>70</v>
      </c>
    </row>
    <row r="22" spans="1:8" ht="45" x14ac:dyDescent="0.25">
      <c r="A22" s="136"/>
      <c r="B22" s="44" t="s">
        <v>71</v>
      </c>
      <c r="C22" s="54" t="s">
        <v>68</v>
      </c>
      <c r="D22" s="29" t="s">
        <v>72</v>
      </c>
      <c r="E22" s="27" t="s">
        <v>59</v>
      </c>
      <c r="F22" s="30" t="s">
        <v>16</v>
      </c>
      <c r="G22" s="30" t="s">
        <v>17</v>
      </c>
      <c r="H22" s="29" t="s">
        <v>73</v>
      </c>
    </row>
    <row r="23" spans="1:8" ht="30" x14ac:dyDescent="0.25">
      <c r="A23" s="136"/>
      <c r="B23" s="44" t="s">
        <v>74</v>
      </c>
      <c r="C23" s="55" t="s">
        <v>75</v>
      </c>
      <c r="D23" s="29" t="s">
        <v>76</v>
      </c>
      <c r="E23" s="27" t="s">
        <v>59</v>
      </c>
      <c r="F23" s="30" t="s">
        <v>16</v>
      </c>
      <c r="G23" s="30" t="s">
        <v>17</v>
      </c>
      <c r="H23" s="29" t="s">
        <v>77</v>
      </c>
    </row>
    <row r="24" spans="1:8" ht="30" x14ac:dyDescent="0.25">
      <c r="A24" s="136"/>
      <c r="B24" s="44" t="s">
        <v>78</v>
      </c>
      <c r="C24" s="55" t="s">
        <v>75</v>
      </c>
      <c r="D24" s="35" t="s">
        <v>79</v>
      </c>
      <c r="E24" s="27" t="s">
        <v>59</v>
      </c>
      <c r="F24" s="30" t="s">
        <v>16</v>
      </c>
      <c r="G24" s="30" t="s">
        <v>17</v>
      </c>
      <c r="H24" s="29"/>
    </row>
    <row r="25" spans="1:8" ht="30" x14ac:dyDescent="0.25">
      <c r="A25" s="137"/>
      <c r="B25" s="44" t="s">
        <v>80</v>
      </c>
      <c r="C25" s="55" t="s">
        <v>75</v>
      </c>
      <c r="D25" s="35" t="s">
        <v>81</v>
      </c>
      <c r="E25" s="36" t="s">
        <v>15</v>
      </c>
      <c r="F25" s="30" t="s">
        <v>16</v>
      </c>
      <c r="G25" s="30" t="s">
        <v>17</v>
      </c>
      <c r="H25" s="29" t="s">
        <v>82</v>
      </c>
    </row>
    <row r="26" spans="1:8" ht="30" x14ac:dyDescent="0.25">
      <c r="A26" s="135" t="s">
        <v>83</v>
      </c>
      <c r="B26" s="44" t="s">
        <v>84</v>
      </c>
      <c r="C26" s="55" t="s">
        <v>75</v>
      </c>
      <c r="D26" s="29" t="s">
        <v>85</v>
      </c>
      <c r="E26" s="27" t="s">
        <v>59</v>
      </c>
      <c r="F26" s="30" t="s">
        <v>83</v>
      </c>
      <c r="G26" s="27" t="s">
        <v>17</v>
      </c>
      <c r="H26" s="29"/>
    </row>
    <row r="27" spans="1:8" ht="30" x14ac:dyDescent="0.25">
      <c r="A27" s="136"/>
      <c r="B27" s="44" t="s">
        <v>86</v>
      </c>
      <c r="C27" s="55" t="s">
        <v>75</v>
      </c>
      <c r="D27" s="5" t="s">
        <v>87</v>
      </c>
      <c r="E27" s="27" t="s">
        <v>59</v>
      </c>
      <c r="F27" s="30" t="s">
        <v>83</v>
      </c>
      <c r="G27" s="27" t="s">
        <v>17</v>
      </c>
      <c r="H27" s="29" t="s">
        <v>88</v>
      </c>
    </row>
    <row r="28" spans="1:8" ht="30" x14ac:dyDescent="0.25">
      <c r="A28" s="136"/>
      <c r="B28" s="44" t="s">
        <v>89</v>
      </c>
      <c r="C28" s="54" t="s">
        <v>90</v>
      </c>
      <c r="D28" s="5" t="s">
        <v>91</v>
      </c>
      <c r="E28" s="27" t="s">
        <v>59</v>
      </c>
      <c r="F28" s="30" t="s">
        <v>83</v>
      </c>
      <c r="G28" s="27" t="s">
        <v>17</v>
      </c>
      <c r="H28" s="29"/>
    </row>
    <row r="29" spans="1:8" ht="30" x14ac:dyDescent="0.25">
      <c r="A29" s="136"/>
      <c r="B29" s="43" t="s">
        <v>92</v>
      </c>
      <c r="C29" s="16" t="s">
        <v>90</v>
      </c>
      <c r="D29" s="37" t="s">
        <v>93</v>
      </c>
      <c r="E29" s="18"/>
      <c r="F29" s="18"/>
      <c r="G29" s="18"/>
      <c r="H29" s="17"/>
    </row>
    <row r="30" spans="1:8" ht="15" x14ac:dyDescent="0.25">
      <c r="A30" s="136"/>
      <c r="B30" s="47"/>
      <c r="C30" s="19"/>
      <c r="D30" s="39" t="s">
        <v>94</v>
      </c>
      <c r="E30" s="38" t="s">
        <v>59</v>
      </c>
      <c r="F30" s="19" t="s">
        <v>83</v>
      </c>
      <c r="G30" s="38" t="s">
        <v>17</v>
      </c>
      <c r="H30" s="21" t="s">
        <v>95</v>
      </c>
    </row>
    <row r="31" spans="1:8" ht="15" x14ac:dyDescent="0.25">
      <c r="A31" s="136"/>
      <c r="B31" s="47"/>
      <c r="C31" s="19"/>
      <c r="D31" s="21" t="s">
        <v>96</v>
      </c>
      <c r="E31" s="38" t="s">
        <v>59</v>
      </c>
      <c r="F31" s="19" t="s">
        <v>83</v>
      </c>
      <c r="G31" s="38" t="s">
        <v>17</v>
      </c>
      <c r="H31" s="21" t="s">
        <v>95</v>
      </c>
    </row>
    <row r="32" spans="1:8" ht="15" x14ac:dyDescent="0.25">
      <c r="A32" s="136"/>
      <c r="B32" s="47"/>
      <c r="C32" s="19"/>
      <c r="D32" s="39" t="s">
        <v>97</v>
      </c>
      <c r="E32" s="38" t="s">
        <v>59</v>
      </c>
      <c r="F32" s="19" t="s">
        <v>83</v>
      </c>
      <c r="G32" s="38" t="s">
        <v>17</v>
      </c>
      <c r="H32" s="21" t="s">
        <v>95</v>
      </c>
    </row>
    <row r="33" spans="1:8" ht="15" x14ac:dyDescent="0.25">
      <c r="A33" s="136"/>
      <c r="B33" s="47"/>
      <c r="C33" s="19"/>
      <c r="D33" s="39" t="s">
        <v>98</v>
      </c>
      <c r="E33" s="38" t="s">
        <v>59</v>
      </c>
      <c r="F33" s="19" t="s">
        <v>83</v>
      </c>
      <c r="G33" s="38" t="s">
        <v>17</v>
      </c>
      <c r="H33" s="21" t="s">
        <v>95</v>
      </c>
    </row>
    <row r="34" spans="1:8" ht="15" x14ac:dyDescent="0.25">
      <c r="A34" s="136"/>
      <c r="B34" s="46"/>
      <c r="C34" s="22"/>
      <c r="D34" s="40" t="s">
        <v>99</v>
      </c>
      <c r="E34" s="31" t="s">
        <v>59</v>
      </c>
      <c r="F34" s="22" t="s">
        <v>83</v>
      </c>
      <c r="G34" s="31" t="s">
        <v>17</v>
      </c>
      <c r="H34" s="24" t="s">
        <v>100</v>
      </c>
    </row>
    <row r="35" spans="1:8" ht="30" x14ac:dyDescent="0.25">
      <c r="A35" s="136"/>
      <c r="B35" s="43" t="s">
        <v>101</v>
      </c>
      <c r="C35" s="16" t="s">
        <v>90</v>
      </c>
      <c r="D35" s="37" t="s">
        <v>102</v>
      </c>
      <c r="E35" s="18"/>
      <c r="F35" s="18"/>
      <c r="G35" s="18"/>
      <c r="H35" s="17"/>
    </row>
    <row r="36" spans="1:8" ht="15" x14ac:dyDescent="0.25">
      <c r="A36" s="136"/>
      <c r="B36" s="47"/>
      <c r="C36" s="19"/>
      <c r="D36" s="39" t="s">
        <v>94</v>
      </c>
      <c r="E36" s="38" t="s">
        <v>59</v>
      </c>
      <c r="F36" s="19" t="s">
        <v>83</v>
      </c>
      <c r="G36" s="38" t="s">
        <v>17</v>
      </c>
      <c r="H36" s="21" t="s">
        <v>95</v>
      </c>
    </row>
    <row r="37" spans="1:8" ht="15" x14ac:dyDescent="0.25">
      <c r="A37" s="136"/>
      <c r="B37" s="47"/>
      <c r="C37" s="19"/>
      <c r="D37" s="21" t="s">
        <v>96</v>
      </c>
      <c r="E37" s="38" t="s">
        <v>59</v>
      </c>
      <c r="F37" s="19" t="s">
        <v>83</v>
      </c>
      <c r="G37" s="38" t="s">
        <v>17</v>
      </c>
      <c r="H37" s="21" t="s">
        <v>95</v>
      </c>
    </row>
    <row r="38" spans="1:8" ht="15" x14ac:dyDescent="0.25">
      <c r="A38" s="136"/>
      <c r="B38" s="47"/>
      <c r="C38" s="19"/>
      <c r="D38" s="39" t="s">
        <v>97</v>
      </c>
      <c r="E38" s="38" t="s">
        <v>59</v>
      </c>
      <c r="F38" s="19" t="s">
        <v>83</v>
      </c>
      <c r="G38" s="38" t="s">
        <v>17</v>
      </c>
      <c r="H38" s="21" t="s">
        <v>95</v>
      </c>
    </row>
    <row r="39" spans="1:8" ht="15" x14ac:dyDescent="0.25">
      <c r="A39" s="136"/>
      <c r="B39" s="47"/>
      <c r="C39" s="19"/>
      <c r="D39" s="39" t="s">
        <v>98</v>
      </c>
      <c r="E39" s="38" t="s">
        <v>59</v>
      </c>
      <c r="F39" s="19" t="s">
        <v>83</v>
      </c>
      <c r="G39" s="38" t="s">
        <v>17</v>
      </c>
      <c r="H39" s="21" t="s">
        <v>95</v>
      </c>
    </row>
    <row r="40" spans="1:8" ht="15" x14ac:dyDescent="0.25">
      <c r="A40" s="136"/>
      <c r="B40" s="46"/>
      <c r="C40" s="22"/>
      <c r="D40" s="40" t="s">
        <v>99</v>
      </c>
      <c r="E40" s="31" t="s">
        <v>59</v>
      </c>
      <c r="F40" s="22" t="s">
        <v>83</v>
      </c>
      <c r="G40" s="31" t="s">
        <v>17</v>
      </c>
      <c r="H40" s="24" t="s">
        <v>100</v>
      </c>
    </row>
    <row r="41" spans="1:8" ht="30" x14ac:dyDescent="0.25">
      <c r="A41" s="136"/>
      <c r="B41" s="43" t="s">
        <v>103</v>
      </c>
      <c r="C41" s="16" t="s">
        <v>90</v>
      </c>
      <c r="D41" s="37" t="s">
        <v>104</v>
      </c>
      <c r="E41" s="18"/>
      <c r="F41" s="18"/>
      <c r="G41" s="18"/>
      <c r="H41" s="17"/>
    </row>
    <row r="42" spans="1:8" ht="15" x14ac:dyDescent="0.25">
      <c r="A42" s="136"/>
      <c r="B42" s="47"/>
      <c r="C42" s="19"/>
      <c r="D42" s="39" t="s">
        <v>94</v>
      </c>
      <c r="E42" s="38" t="s">
        <v>59</v>
      </c>
      <c r="F42" s="19" t="s">
        <v>83</v>
      </c>
      <c r="G42" s="38" t="s">
        <v>17</v>
      </c>
      <c r="H42" s="21" t="s">
        <v>95</v>
      </c>
    </row>
    <row r="43" spans="1:8" ht="15" x14ac:dyDescent="0.25">
      <c r="A43" s="136"/>
      <c r="B43" s="47"/>
      <c r="C43" s="19"/>
      <c r="D43" s="21" t="s">
        <v>96</v>
      </c>
      <c r="E43" s="38" t="s">
        <v>59</v>
      </c>
      <c r="F43" s="19" t="s">
        <v>83</v>
      </c>
      <c r="G43" s="38" t="s">
        <v>17</v>
      </c>
      <c r="H43" s="21" t="s">
        <v>95</v>
      </c>
    </row>
    <row r="44" spans="1:8" ht="15" x14ac:dyDescent="0.25">
      <c r="A44" s="136"/>
      <c r="B44" s="47"/>
      <c r="C44" s="19"/>
      <c r="D44" s="39" t="s">
        <v>97</v>
      </c>
      <c r="E44" s="38" t="s">
        <v>59</v>
      </c>
      <c r="F44" s="19" t="s">
        <v>83</v>
      </c>
      <c r="G44" s="38" t="s">
        <v>17</v>
      </c>
      <c r="H44" s="21" t="s">
        <v>95</v>
      </c>
    </row>
    <row r="45" spans="1:8" ht="15" x14ac:dyDescent="0.25">
      <c r="A45" s="136"/>
      <c r="B45" s="47"/>
      <c r="C45" s="19"/>
      <c r="D45" s="39" t="s">
        <v>98</v>
      </c>
      <c r="E45" s="38" t="s">
        <v>59</v>
      </c>
      <c r="F45" s="19" t="s">
        <v>83</v>
      </c>
      <c r="G45" s="38" t="s">
        <v>17</v>
      </c>
      <c r="H45" s="21" t="s">
        <v>95</v>
      </c>
    </row>
    <row r="46" spans="1:8" ht="15" x14ac:dyDescent="0.25">
      <c r="A46" s="136"/>
      <c r="B46" s="46"/>
      <c r="C46" s="22"/>
      <c r="D46" s="40" t="s">
        <v>99</v>
      </c>
      <c r="E46" s="31" t="s">
        <v>59</v>
      </c>
      <c r="F46" s="22" t="s">
        <v>83</v>
      </c>
      <c r="G46" s="31" t="s">
        <v>17</v>
      </c>
      <c r="H46" s="24" t="s">
        <v>100</v>
      </c>
    </row>
    <row r="47" spans="1:8" ht="30" x14ac:dyDescent="0.25">
      <c r="A47" s="136"/>
      <c r="B47" s="43" t="s">
        <v>105</v>
      </c>
      <c r="C47" s="16" t="s">
        <v>106</v>
      </c>
      <c r="D47" s="37" t="s">
        <v>107</v>
      </c>
      <c r="E47" s="18"/>
      <c r="F47" s="18"/>
      <c r="G47" s="18"/>
      <c r="H47" s="17"/>
    </row>
    <row r="48" spans="1:8" ht="15" x14ac:dyDescent="0.25">
      <c r="A48" s="136"/>
      <c r="B48" s="47"/>
      <c r="C48" s="19"/>
      <c r="D48" s="39" t="s">
        <v>94</v>
      </c>
      <c r="E48" s="38" t="s">
        <v>59</v>
      </c>
      <c r="F48" s="19" t="s">
        <v>83</v>
      </c>
      <c r="G48" s="38" t="s">
        <v>17</v>
      </c>
      <c r="H48" s="21" t="s">
        <v>95</v>
      </c>
    </row>
    <row r="49" spans="1:8" ht="15" x14ac:dyDescent="0.25">
      <c r="A49" s="136"/>
      <c r="B49" s="47"/>
      <c r="C49" s="19"/>
      <c r="D49" s="21" t="s">
        <v>96</v>
      </c>
      <c r="E49" s="38" t="s">
        <v>59</v>
      </c>
      <c r="F49" s="19" t="s">
        <v>83</v>
      </c>
      <c r="G49" s="38" t="s">
        <v>17</v>
      </c>
      <c r="H49" s="21" t="s">
        <v>95</v>
      </c>
    </row>
    <row r="50" spans="1:8" ht="15" x14ac:dyDescent="0.25">
      <c r="A50" s="136"/>
      <c r="B50" s="47"/>
      <c r="C50" s="19"/>
      <c r="D50" s="39" t="s">
        <v>97</v>
      </c>
      <c r="E50" s="38" t="s">
        <v>59</v>
      </c>
      <c r="F50" s="19" t="s">
        <v>83</v>
      </c>
      <c r="G50" s="38" t="s">
        <v>17</v>
      </c>
      <c r="H50" s="21" t="s">
        <v>95</v>
      </c>
    </row>
    <row r="51" spans="1:8" ht="15" x14ac:dyDescent="0.25">
      <c r="A51" s="136"/>
      <c r="B51" s="47"/>
      <c r="C51" s="19"/>
      <c r="D51" s="39" t="s">
        <v>98</v>
      </c>
      <c r="E51" s="38" t="s">
        <v>59</v>
      </c>
      <c r="F51" s="19" t="s">
        <v>83</v>
      </c>
      <c r="G51" s="38" t="s">
        <v>17</v>
      </c>
      <c r="H51" s="21" t="s">
        <v>95</v>
      </c>
    </row>
    <row r="52" spans="1:8" ht="15" x14ac:dyDescent="0.25">
      <c r="A52" s="136"/>
      <c r="B52" s="46"/>
      <c r="C52" s="22"/>
      <c r="D52" s="40" t="s">
        <v>99</v>
      </c>
      <c r="E52" s="31" t="s">
        <v>59</v>
      </c>
      <c r="F52" s="22" t="s">
        <v>83</v>
      </c>
      <c r="G52" s="31" t="s">
        <v>17</v>
      </c>
      <c r="H52" s="24" t="s">
        <v>100</v>
      </c>
    </row>
    <row r="53" spans="1:8" ht="30" x14ac:dyDescent="0.25">
      <c r="A53" s="136"/>
      <c r="B53" s="44" t="s">
        <v>108</v>
      </c>
      <c r="C53" s="33" t="s">
        <v>106</v>
      </c>
      <c r="D53" s="29" t="s">
        <v>109</v>
      </c>
      <c r="E53" s="27" t="s">
        <v>59</v>
      </c>
      <c r="F53" s="30" t="s">
        <v>83</v>
      </c>
      <c r="G53" s="27" t="s">
        <v>17</v>
      </c>
      <c r="H53" s="29" t="s">
        <v>110</v>
      </c>
    </row>
    <row r="54" spans="1:8" ht="15" x14ac:dyDescent="0.25">
      <c r="A54" s="136"/>
      <c r="B54" s="44" t="s">
        <v>111</v>
      </c>
      <c r="C54" s="33" t="s">
        <v>106</v>
      </c>
      <c r="D54" s="29" t="s">
        <v>112</v>
      </c>
      <c r="E54" s="27" t="s">
        <v>59</v>
      </c>
      <c r="F54" s="30" t="s">
        <v>83</v>
      </c>
      <c r="G54" s="27" t="s">
        <v>17</v>
      </c>
      <c r="H54" s="29" t="s">
        <v>110</v>
      </c>
    </row>
    <row r="55" spans="1:8" ht="30" x14ac:dyDescent="0.25">
      <c r="A55" s="136"/>
      <c r="B55" s="44" t="s">
        <v>113</v>
      </c>
      <c r="C55" s="41" t="s">
        <v>114</v>
      </c>
      <c r="D55" s="29" t="s">
        <v>115</v>
      </c>
      <c r="E55" s="27" t="s">
        <v>59</v>
      </c>
      <c r="F55" s="30" t="s">
        <v>83</v>
      </c>
      <c r="G55" s="27" t="s">
        <v>17</v>
      </c>
      <c r="H55" s="29"/>
    </row>
    <row r="56" spans="1:8" ht="45" x14ac:dyDescent="0.25">
      <c r="A56" s="137"/>
      <c r="B56" s="44" t="s">
        <v>116</v>
      </c>
      <c r="C56" s="41" t="s">
        <v>114</v>
      </c>
      <c r="D56" s="29" t="s">
        <v>117</v>
      </c>
      <c r="E56" s="27" t="s">
        <v>59</v>
      </c>
      <c r="F56" s="30" t="s">
        <v>83</v>
      </c>
      <c r="G56" s="27" t="s">
        <v>17</v>
      </c>
      <c r="H56" s="29"/>
    </row>
    <row r="57" spans="1:8" ht="30" x14ac:dyDescent="0.25">
      <c r="A57" s="135" t="s">
        <v>118</v>
      </c>
      <c r="B57" s="44" t="s">
        <v>119</v>
      </c>
      <c r="C57" s="41" t="s">
        <v>120</v>
      </c>
      <c r="D57" s="35" t="s">
        <v>121</v>
      </c>
      <c r="E57" s="27" t="s">
        <v>59</v>
      </c>
      <c r="F57" s="27" t="s">
        <v>118</v>
      </c>
      <c r="G57" s="3" t="s">
        <v>122</v>
      </c>
      <c r="H57" s="29"/>
    </row>
    <row r="58" spans="1:8" ht="30" x14ac:dyDescent="0.25">
      <c r="A58" s="136"/>
      <c r="B58" s="44" t="s">
        <v>123</v>
      </c>
      <c r="C58" s="41" t="s">
        <v>120</v>
      </c>
      <c r="D58" s="35" t="s">
        <v>124</v>
      </c>
      <c r="E58" s="27" t="s">
        <v>59</v>
      </c>
      <c r="F58" s="27" t="s">
        <v>118</v>
      </c>
      <c r="G58" s="7" t="s">
        <v>125</v>
      </c>
      <c r="H58" s="29" t="s">
        <v>126</v>
      </c>
    </row>
    <row r="59" spans="1:8" ht="30" x14ac:dyDescent="0.25">
      <c r="A59" s="136"/>
      <c r="B59" s="44" t="s">
        <v>127</v>
      </c>
      <c r="C59" s="41" t="s">
        <v>120</v>
      </c>
      <c r="D59" s="35" t="s">
        <v>128</v>
      </c>
      <c r="E59" s="27" t="s">
        <v>59</v>
      </c>
      <c r="F59" s="27" t="s">
        <v>118</v>
      </c>
      <c r="G59" s="7" t="s">
        <v>129</v>
      </c>
      <c r="H59" s="29" t="s">
        <v>130</v>
      </c>
    </row>
    <row r="60" spans="1:8" ht="15" x14ac:dyDescent="0.25">
      <c r="A60" s="136"/>
      <c r="B60" s="44" t="s">
        <v>131</v>
      </c>
      <c r="C60" s="41" t="s">
        <v>120</v>
      </c>
      <c r="D60" s="35" t="s">
        <v>132</v>
      </c>
      <c r="E60" s="27" t="s">
        <v>133</v>
      </c>
      <c r="F60" s="27" t="s">
        <v>118</v>
      </c>
      <c r="G60" s="7" t="s">
        <v>134</v>
      </c>
      <c r="H60" s="29"/>
    </row>
    <row r="61" spans="1:8" ht="30" x14ac:dyDescent="0.25">
      <c r="A61" s="136"/>
      <c r="B61" s="44" t="s">
        <v>135</v>
      </c>
      <c r="C61" s="41" t="s">
        <v>120</v>
      </c>
      <c r="D61" s="35" t="s">
        <v>136</v>
      </c>
      <c r="E61" s="27" t="s">
        <v>133</v>
      </c>
      <c r="F61" s="27" t="s">
        <v>118</v>
      </c>
      <c r="G61" s="7" t="s">
        <v>134</v>
      </c>
      <c r="H61" s="29" t="s">
        <v>137</v>
      </c>
    </row>
    <row r="62" spans="1:8" ht="45" x14ac:dyDescent="0.25">
      <c r="A62" s="136"/>
      <c r="B62" s="44" t="s">
        <v>138</v>
      </c>
      <c r="C62" s="33" t="s">
        <v>68</v>
      </c>
      <c r="D62" s="29" t="s">
        <v>139</v>
      </c>
      <c r="E62" s="27" t="s">
        <v>133</v>
      </c>
      <c r="F62" s="27" t="s">
        <v>118</v>
      </c>
      <c r="G62" s="7" t="s">
        <v>140</v>
      </c>
      <c r="H62" s="29"/>
    </row>
    <row r="63" spans="1:8" ht="30" x14ac:dyDescent="0.25">
      <c r="A63" s="136"/>
      <c r="B63" s="44" t="s">
        <v>141</v>
      </c>
      <c r="C63" s="33" t="s">
        <v>68</v>
      </c>
      <c r="D63" s="29" t="s">
        <v>142</v>
      </c>
      <c r="E63" s="27" t="s">
        <v>133</v>
      </c>
      <c r="F63" s="27" t="s">
        <v>118</v>
      </c>
      <c r="G63" s="7" t="s">
        <v>143</v>
      </c>
      <c r="H63" s="29"/>
    </row>
    <row r="64" spans="1:8" ht="30" x14ac:dyDescent="0.25">
      <c r="A64" s="136"/>
      <c r="B64" s="44" t="s">
        <v>144</v>
      </c>
      <c r="C64" s="33" t="s">
        <v>68</v>
      </c>
      <c r="D64" s="29" t="s">
        <v>145</v>
      </c>
      <c r="E64" s="27" t="s">
        <v>133</v>
      </c>
      <c r="F64" s="27" t="s">
        <v>118</v>
      </c>
      <c r="G64" s="7" t="s">
        <v>17</v>
      </c>
      <c r="H64" s="29" t="s">
        <v>146</v>
      </c>
    </row>
    <row r="65" spans="1:8" ht="30" x14ac:dyDescent="0.25">
      <c r="A65" s="136"/>
      <c r="B65" s="44" t="s">
        <v>147</v>
      </c>
      <c r="C65" s="33" t="s">
        <v>68</v>
      </c>
      <c r="D65" s="5" t="s">
        <v>148</v>
      </c>
      <c r="E65" s="27" t="s">
        <v>133</v>
      </c>
      <c r="F65" s="27" t="s">
        <v>118</v>
      </c>
      <c r="G65" s="7" t="s">
        <v>17</v>
      </c>
      <c r="H65" s="29" t="s">
        <v>146</v>
      </c>
    </row>
    <row r="66" spans="1:8" ht="30" x14ac:dyDescent="0.25">
      <c r="A66" s="136"/>
      <c r="B66" s="44" t="s">
        <v>149</v>
      </c>
      <c r="C66" s="33" t="s">
        <v>68</v>
      </c>
      <c r="D66" s="5" t="s">
        <v>150</v>
      </c>
      <c r="E66" s="27" t="s">
        <v>133</v>
      </c>
      <c r="F66" s="27" t="s">
        <v>118</v>
      </c>
      <c r="G66" s="7" t="s">
        <v>17</v>
      </c>
      <c r="H66" s="29" t="s">
        <v>151</v>
      </c>
    </row>
    <row r="67" spans="1:8" ht="15" x14ac:dyDescent="0.25">
      <c r="A67" s="136"/>
      <c r="B67" s="43" t="s">
        <v>152</v>
      </c>
      <c r="C67" s="56" t="s">
        <v>90</v>
      </c>
      <c r="D67" s="37" t="s">
        <v>153</v>
      </c>
      <c r="E67" s="18"/>
      <c r="F67" s="18"/>
      <c r="G67" s="18"/>
      <c r="H67" s="17"/>
    </row>
    <row r="68" spans="1:8" ht="15" x14ac:dyDescent="0.25">
      <c r="A68" s="136"/>
      <c r="B68" s="47"/>
      <c r="C68" s="57"/>
      <c r="D68" s="39" t="s">
        <v>94</v>
      </c>
      <c r="E68" s="38" t="s">
        <v>59</v>
      </c>
      <c r="F68" s="38" t="s">
        <v>118</v>
      </c>
      <c r="G68" s="19" t="s">
        <v>154</v>
      </c>
      <c r="H68" s="21" t="s">
        <v>95</v>
      </c>
    </row>
    <row r="69" spans="1:8" ht="15" x14ac:dyDescent="0.25">
      <c r="A69" s="136"/>
      <c r="B69" s="47"/>
      <c r="C69" s="57"/>
      <c r="D69" s="21" t="s">
        <v>96</v>
      </c>
      <c r="E69" s="38" t="s">
        <v>59</v>
      </c>
      <c r="F69" s="38" t="s">
        <v>118</v>
      </c>
      <c r="G69" s="19" t="s">
        <v>154</v>
      </c>
      <c r="H69" s="21" t="s">
        <v>95</v>
      </c>
    </row>
    <row r="70" spans="1:8" ht="15" x14ac:dyDescent="0.25">
      <c r="A70" s="136"/>
      <c r="B70" s="47"/>
      <c r="C70" s="42"/>
      <c r="D70" s="39" t="s">
        <v>97</v>
      </c>
      <c r="E70" s="38" t="s">
        <v>59</v>
      </c>
      <c r="F70" s="38" t="s">
        <v>118</v>
      </c>
      <c r="G70" s="19" t="s">
        <v>154</v>
      </c>
      <c r="H70" s="21" t="s">
        <v>95</v>
      </c>
    </row>
    <row r="71" spans="1:8" ht="15" x14ac:dyDescent="0.25">
      <c r="A71" s="136"/>
      <c r="B71" s="47"/>
      <c r="C71" s="57"/>
      <c r="D71" s="39" t="s">
        <v>98</v>
      </c>
      <c r="E71" s="38" t="s">
        <v>59</v>
      </c>
      <c r="F71" s="38" t="s">
        <v>118</v>
      </c>
      <c r="G71" s="19" t="s">
        <v>154</v>
      </c>
      <c r="H71" s="21" t="s">
        <v>95</v>
      </c>
    </row>
    <row r="72" spans="1:8" ht="15" x14ac:dyDescent="0.25">
      <c r="A72" s="136"/>
      <c r="B72" s="46"/>
      <c r="C72" s="58"/>
      <c r="D72" s="40" t="s">
        <v>99</v>
      </c>
      <c r="E72" s="31" t="s">
        <v>59</v>
      </c>
      <c r="F72" s="31" t="s">
        <v>118</v>
      </c>
      <c r="G72" s="22" t="s">
        <v>154</v>
      </c>
      <c r="H72" s="24" t="s">
        <v>100</v>
      </c>
    </row>
    <row r="73" spans="1:8" ht="15" x14ac:dyDescent="0.25">
      <c r="A73" s="136"/>
      <c r="B73" s="43" t="s">
        <v>155</v>
      </c>
      <c r="C73" s="56" t="s">
        <v>90</v>
      </c>
      <c r="D73" s="37" t="s">
        <v>156</v>
      </c>
      <c r="E73" s="18"/>
      <c r="F73" s="18"/>
      <c r="G73" s="18"/>
      <c r="H73" s="17"/>
    </row>
    <row r="74" spans="1:8" ht="15" x14ac:dyDescent="0.25">
      <c r="A74" s="136"/>
      <c r="B74" s="47"/>
      <c r="C74" s="57"/>
      <c r="D74" s="39" t="s">
        <v>94</v>
      </c>
      <c r="E74" s="38" t="s">
        <v>59</v>
      </c>
      <c r="F74" s="38" t="s">
        <v>118</v>
      </c>
      <c r="G74" s="19" t="s">
        <v>154</v>
      </c>
      <c r="H74" s="21" t="s">
        <v>95</v>
      </c>
    </row>
    <row r="75" spans="1:8" ht="15" x14ac:dyDescent="0.25">
      <c r="A75" s="136"/>
      <c r="B75" s="47"/>
      <c r="C75" s="57"/>
      <c r="D75" s="21" t="s">
        <v>96</v>
      </c>
      <c r="E75" s="38" t="s">
        <v>59</v>
      </c>
      <c r="F75" s="38" t="s">
        <v>118</v>
      </c>
      <c r="G75" s="19" t="s">
        <v>154</v>
      </c>
      <c r="H75" s="21" t="s">
        <v>95</v>
      </c>
    </row>
    <row r="76" spans="1:8" ht="15" x14ac:dyDescent="0.25">
      <c r="A76" s="136"/>
      <c r="B76" s="47"/>
      <c r="C76" s="42"/>
      <c r="D76" s="39" t="s">
        <v>97</v>
      </c>
      <c r="E76" s="38" t="s">
        <v>59</v>
      </c>
      <c r="F76" s="38" t="s">
        <v>118</v>
      </c>
      <c r="G76" s="19" t="s">
        <v>154</v>
      </c>
      <c r="H76" s="21" t="s">
        <v>95</v>
      </c>
    </row>
    <row r="77" spans="1:8" ht="15" x14ac:dyDescent="0.25">
      <c r="A77" s="136"/>
      <c r="B77" s="47"/>
      <c r="C77" s="57"/>
      <c r="D77" s="39" t="s">
        <v>98</v>
      </c>
      <c r="E77" s="38" t="s">
        <v>59</v>
      </c>
      <c r="F77" s="38" t="s">
        <v>118</v>
      </c>
      <c r="G77" s="19" t="s">
        <v>154</v>
      </c>
      <c r="H77" s="21" t="s">
        <v>95</v>
      </c>
    </row>
    <row r="78" spans="1:8" ht="15" x14ac:dyDescent="0.25">
      <c r="A78" s="136"/>
      <c r="B78" s="46"/>
      <c r="C78" s="58"/>
      <c r="D78" s="40" t="s">
        <v>99</v>
      </c>
      <c r="E78" s="31" t="s">
        <v>59</v>
      </c>
      <c r="F78" s="31" t="s">
        <v>118</v>
      </c>
      <c r="G78" s="22" t="s">
        <v>154</v>
      </c>
      <c r="H78" s="24" t="s">
        <v>100</v>
      </c>
    </row>
    <row r="79" spans="1:8" ht="15" x14ac:dyDescent="0.25">
      <c r="A79" s="136"/>
      <c r="B79" s="43" t="s">
        <v>157</v>
      </c>
      <c r="C79" s="56" t="s">
        <v>90</v>
      </c>
      <c r="D79" s="37" t="s">
        <v>158</v>
      </c>
      <c r="E79" s="18"/>
      <c r="F79" s="18"/>
      <c r="G79" s="18"/>
      <c r="H79" s="17"/>
    </row>
    <row r="80" spans="1:8" ht="15" x14ac:dyDescent="0.25">
      <c r="A80" s="136"/>
      <c r="B80" s="47"/>
      <c r="C80" s="57"/>
      <c r="D80" s="39" t="s">
        <v>94</v>
      </c>
      <c r="E80" s="38" t="s">
        <v>59</v>
      </c>
      <c r="F80" s="38" t="s">
        <v>118</v>
      </c>
      <c r="G80" s="19" t="s">
        <v>154</v>
      </c>
      <c r="H80" s="21" t="s">
        <v>95</v>
      </c>
    </row>
    <row r="81" spans="1:8" ht="15" x14ac:dyDescent="0.25">
      <c r="A81" s="136"/>
      <c r="B81" s="47"/>
      <c r="C81" s="57"/>
      <c r="D81" s="21" t="s">
        <v>96</v>
      </c>
      <c r="E81" s="38" t="s">
        <v>59</v>
      </c>
      <c r="F81" s="38" t="s">
        <v>118</v>
      </c>
      <c r="G81" s="19" t="s">
        <v>154</v>
      </c>
      <c r="H81" s="21" t="s">
        <v>95</v>
      </c>
    </row>
    <row r="82" spans="1:8" ht="15" x14ac:dyDescent="0.25">
      <c r="A82" s="136"/>
      <c r="B82" s="47"/>
      <c r="C82" s="42"/>
      <c r="D82" s="39" t="s">
        <v>97</v>
      </c>
      <c r="E82" s="38" t="s">
        <v>59</v>
      </c>
      <c r="F82" s="38" t="s">
        <v>118</v>
      </c>
      <c r="G82" s="19" t="s">
        <v>154</v>
      </c>
      <c r="H82" s="21" t="s">
        <v>95</v>
      </c>
    </row>
    <row r="83" spans="1:8" ht="15" x14ac:dyDescent="0.25">
      <c r="A83" s="136"/>
      <c r="B83" s="47"/>
      <c r="C83" s="57"/>
      <c r="D83" s="39" t="s">
        <v>98</v>
      </c>
      <c r="E83" s="38" t="s">
        <v>59</v>
      </c>
      <c r="F83" s="38" t="s">
        <v>118</v>
      </c>
      <c r="G83" s="19" t="s">
        <v>154</v>
      </c>
      <c r="H83" s="21" t="s">
        <v>95</v>
      </c>
    </row>
    <row r="84" spans="1:8" ht="15" x14ac:dyDescent="0.25">
      <c r="A84" s="136"/>
      <c r="B84" s="46"/>
      <c r="C84" s="58"/>
      <c r="D84" s="40" t="s">
        <v>99</v>
      </c>
      <c r="E84" s="31" t="s">
        <v>59</v>
      </c>
      <c r="F84" s="31" t="s">
        <v>118</v>
      </c>
      <c r="G84" s="22" t="s">
        <v>154</v>
      </c>
      <c r="H84" s="24" t="s">
        <v>100</v>
      </c>
    </row>
    <row r="85" spans="1:8" ht="15" x14ac:dyDescent="0.25">
      <c r="A85" s="136"/>
      <c r="B85" s="43" t="s">
        <v>159</v>
      </c>
      <c r="C85" s="56" t="s">
        <v>106</v>
      </c>
      <c r="D85" s="37" t="s">
        <v>160</v>
      </c>
      <c r="E85" s="18"/>
      <c r="F85" s="18"/>
      <c r="G85" s="18"/>
      <c r="H85" s="17"/>
    </row>
    <row r="86" spans="1:8" ht="15" x14ac:dyDescent="0.25">
      <c r="A86" s="136"/>
      <c r="B86" s="47"/>
      <c r="C86" s="57"/>
      <c r="D86" s="39" t="s">
        <v>94</v>
      </c>
      <c r="E86" s="38" t="s">
        <v>59</v>
      </c>
      <c r="F86" s="38" t="s">
        <v>118</v>
      </c>
      <c r="G86" s="19" t="s">
        <v>154</v>
      </c>
      <c r="H86" s="21" t="s">
        <v>95</v>
      </c>
    </row>
    <row r="87" spans="1:8" ht="15" x14ac:dyDescent="0.25">
      <c r="A87" s="136"/>
      <c r="B87" s="47"/>
      <c r="C87" s="57"/>
      <c r="D87" s="21" t="s">
        <v>96</v>
      </c>
      <c r="E87" s="38" t="s">
        <v>59</v>
      </c>
      <c r="F87" s="38" t="s">
        <v>118</v>
      </c>
      <c r="G87" s="19" t="s">
        <v>154</v>
      </c>
      <c r="H87" s="21" t="s">
        <v>95</v>
      </c>
    </row>
    <row r="88" spans="1:8" ht="15" x14ac:dyDescent="0.25">
      <c r="A88" s="136"/>
      <c r="B88" s="47"/>
      <c r="C88" s="42"/>
      <c r="D88" s="39" t="s">
        <v>97</v>
      </c>
      <c r="E88" s="38" t="s">
        <v>59</v>
      </c>
      <c r="F88" s="38" t="s">
        <v>118</v>
      </c>
      <c r="G88" s="19" t="s">
        <v>154</v>
      </c>
      <c r="H88" s="21" t="s">
        <v>95</v>
      </c>
    </row>
    <row r="89" spans="1:8" ht="15" x14ac:dyDescent="0.25">
      <c r="A89" s="136"/>
      <c r="B89" s="47"/>
      <c r="C89" s="57"/>
      <c r="D89" s="39" t="s">
        <v>98</v>
      </c>
      <c r="E89" s="38" t="s">
        <v>59</v>
      </c>
      <c r="F89" s="38" t="s">
        <v>118</v>
      </c>
      <c r="G89" s="19" t="s">
        <v>154</v>
      </c>
      <c r="H89" s="21" t="s">
        <v>95</v>
      </c>
    </row>
    <row r="90" spans="1:8" ht="15" x14ac:dyDescent="0.25">
      <c r="A90" s="136"/>
      <c r="B90" s="46"/>
      <c r="C90" s="58"/>
      <c r="D90" s="40" t="s">
        <v>99</v>
      </c>
      <c r="E90" s="31" t="s">
        <v>59</v>
      </c>
      <c r="F90" s="31" t="s">
        <v>118</v>
      </c>
      <c r="G90" s="22" t="s">
        <v>154</v>
      </c>
      <c r="H90" s="24" t="s">
        <v>100</v>
      </c>
    </row>
    <row r="91" spans="1:8" ht="30" x14ac:dyDescent="0.25">
      <c r="A91" s="136"/>
      <c r="B91" s="44" t="s">
        <v>161</v>
      </c>
      <c r="C91" s="28" t="s">
        <v>106</v>
      </c>
      <c r="D91" s="29" t="s">
        <v>162</v>
      </c>
      <c r="E91" s="27" t="s">
        <v>59</v>
      </c>
      <c r="F91" s="27" t="s">
        <v>118</v>
      </c>
      <c r="G91" s="30" t="s">
        <v>17</v>
      </c>
      <c r="H91" s="3" t="s">
        <v>163</v>
      </c>
    </row>
    <row r="92" spans="1:8" ht="45" x14ac:dyDescent="0.25">
      <c r="A92" s="136"/>
      <c r="B92" s="44" t="s">
        <v>164</v>
      </c>
      <c r="C92" s="33" t="s">
        <v>114</v>
      </c>
      <c r="D92" s="51" t="s">
        <v>165</v>
      </c>
      <c r="E92" s="27" t="s">
        <v>59</v>
      </c>
      <c r="F92" s="27" t="s">
        <v>118</v>
      </c>
      <c r="G92" s="30" t="s">
        <v>125</v>
      </c>
      <c r="H92" s="3" t="s">
        <v>166</v>
      </c>
    </row>
    <row r="93" spans="1:8" ht="45" x14ac:dyDescent="0.25">
      <c r="A93" s="136"/>
      <c r="B93" s="44" t="s">
        <v>167</v>
      </c>
      <c r="C93" s="33" t="s">
        <v>114</v>
      </c>
      <c r="D93" s="29" t="s">
        <v>168</v>
      </c>
      <c r="E93" s="27" t="s">
        <v>169</v>
      </c>
      <c r="F93" s="27" t="s">
        <v>118</v>
      </c>
      <c r="G93" s="30" t="s">
        <v>125</v>
      </c>
      <c r="H93" s="3" t="s">
        <v>170</v>
      </c>
    </row>
    <row r="94" spans="1:8" ht="45" x14ac:dyDescent="0.25">
      <c r="A94" s="136"/>
      <c r="B94" s="44" t="s">
        <v>171</v>
      </c>
      <c r="C94" s="33" t="s">
        <v>114</v>
      </c>
      <c r="D94" s="29" t="s">
        <v>172</v>
      </c>
      <c r="E94" s="27" t="s">
        <v>59</v>
      </c>
      <c r="F94" s="27" t="s">
        <v>118</v>
      </c>
      <c r="G94" s="30" t="s">
        <v>125</v>
      </c>
      <c r="H94" s="3" t="s">
        <v>173</v>
      </c>
    </row>
    <row r="95" spans="1:8" ht="15" x14ac:dyDescent="0.25">
      <c r="A95" s="136"/>
      <c r="B95" s="44" t="s">
        <v>174</v>
      </c>
      <c r="C95" s="33" t="s">
        <v>114</v>
      </c>
      <c r="D95" s="29" t="s">
        <v>175</v>
      </c>
      <c r="E95" s="27" t="s">
        <v>59</v>
      </c>
      <c r="F95" s="27" t="s">
        <v>118</v>
      </c>
      <c r="G95" s="30" t="s">
        <v>17</v>
      </c>
      <c r="H95" s="3" t="s">
        <v>176</v>
      </c>
    </row>
    <row r="96" spans="1:8" ht="45" x14ac:dyDescent="0.25">
      <c r="A96" s="136"/>
      <c r="B96" s="44" t="s">
        <v>177</v>
      </c>
      <c r="C96" s="33" t="s">
        <v>114</v>
      </c>
      <c r="D96" s="29" t="s">
        <v>178</v>
      </c>
      <c r="E96" s="27" t="s">
        <v>59</v>
      </c>
      <c r="F96" s="27" t="s">
        <v>118</v>
      </c>
      <c r="G96" s="30" t="s">
        <v>17</v>
      </c>
      <c r="H96" s="3" t="s">
        <v>179</v>
      </c>
    </row>
    <row r="97" spans="1:8" ht="45" x14ac:dyDescent="0.25">
      <c r="A97" s="136"/>
      <c r="B97" s="44" t="s">
        <v>180</v>
      </c>
      <c r="C97" s="33" t="s">
        <v>114</v>
      </c>
      <c r="D97" s="29" t="s">
        <v>181</v>
      </c>
      <c r="E97" s="27" t="s">
        <v>59</v>
      </c>
      <c r="F97" s="27" t="s">
        <v>118</v>
      </c>
      <c r="G97" s="30" t="s">
        <v>17</v>
      </c>
      <c r="H97" s="3" t="s">
        <v>182</v>
      </c>
    </row>
    <row r="98" spans="1:8" ht="30" x14ac:dyDescent="0.25">
      <c r="A98" s="137"/>
      <c r="B98" s="44" t="s">
        <v>183</v>
      </c>
      <c r="C98" s="33" t="s">
        <v>114</v>
      </c>
      <c r="D98" s="29" t="s">
        <v>184</v>
      </c>
      <c r="E98" s="27" t="s">
        <v>59</v>
      </c>
      <c r="F98" s="27" t="s">
        <v>118</v>
      </c>
      <c r="G98" s="30" t="s">
        <v>185</v>
      </c>
      <c r="H98" s="3" t="s">
        <v>186</v>
      </c>
    </row>
  </sheetData>
  <mergeCells count="4">
    <mergeCell ref="A3:A17"/>
    <mergeCell ref="A57:A98"/>
    <mergeCell ref="A26:A56"/>
    <mergeCell ref="A18:A25"/>
  </mergeCells>
  <pageMargins left="0.7" right="0.7" top="0.75" bottom="0.75" header="0.3" footer="0.3"/>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2AA5C62-58F1-45D1-8F76-818AB97B754E}">
  <sheetPr>
    <pageSetUpPr fitToPage="1"/>
  </sheetPr>
  <dimension ref="A1:AQ212"/>
  <sheetViews>
    <sheetView zoomScale="45" zoomScaleNormal="100" workbookViewId="0">
      <pane ySplit="4" topLeftCell="A74" activePane="bottomLeft" state="frozen"/>
      <selection activeCell="U1" sqref="U1"/>
      <selection pane="bottomLeft" activeCell="AO209" sqref="AO209:AQ212"/>
    </sheetView>
  </sheetViews>
  <sheetFormatPr defaultRowHeight="15" outlineLevelCol="1" x14ac:dyDescent="0.25"/>
  <cols>
    <col min="1" max="1" width="15.7109375" style="48" bestFit="1" customWidth="1"/>
    <col min="2" max="2" width="12.5703125" style="48" customWidth="1"/>
    <col min="3" max="3" width="70.42578125" style="48" customWidth="1"/>
    <col min="4" max="4" width="122" style="48" bestFit="1" customWidth="1" outlineLevel="1"/>
    <col min="5" max="5" width="6.5703125" style="48" bestFit="1" customWidth="1" outlineLevel="1"/>
    <col min="6" max="7" width="3.7109375" style="48" bestFit="1" customWidth="1" outlineLevel="1"/>
    <col min="8" max="8" width="6.5703125" style="48" bestFit="1" customWidth="1" outlineLevel="1"/>
    <col min="9" max="9" width="3.7109375" style="48" bestFit="1" customWidth="1" outlineLevel="1"/>
    <col min="10" max="10" width="6.5703125" style="48" bestFit="1" customWidth="1" outlineLevel="1"/>
    <col min="11" max="11" width="3.7109375" style="48" bestFit="1" customWidth="1" outlineLevel="1"/>
    <col min="12" max="12" width="39.7109375" style="48" customWidth="1" outlineLevel="1"/>
    <col min="13" max="17" width="9.140625" style="48"/>
    <col min="18" max="18" width="83.28515625" style="48" customWidth="1"/>
    <col min="19" max="19" width="43.140625" style="48" customWidth="1"/>
    <col min="20" max="20" width="5.7109375" style="48" customWidth="1"/>
    <col min="21" max="21" width="56.28515625" style="48" customWidth="1"/>
    <col min="22" max="28" width="3.7109375" style="48" customWidth="1" outlineLevel="1"/>
    <col min="29" max="29" width="41.140625" style="48" customWidth="1" outlineLevel="1"/>
    <col min="30" max="30" width="6.5703125" style="115" bestFit="1" customWidth="1" outlineLevel="1"/>
    <col min="31" max="32" width="3.7109375" style="115" bestFit="1" customWidth="1" outlineLevel="1"/>
    <col min="33" max="33" width="6.5703125" style="115" bestFit="1" customWidth="1" outlineLevel="1"/>
    <col min="34" max="35" width="3.7109375" style="115" bestFit="1" customWidth="1" outlineLevel="1"/>
    <col min="36" max="36" width="47.5703125" style="48" customWidth="1" outlineLevel="1"/>
    <col min="37" max="37" width="6" style="48" customWidth="1"/>
    <col min="38" max="38" width="80" style="48" customWidth="1"/>
    <col min="39" max="39" width="47.7109375" style="48" customWidth="1" outlineLevel="1"/>
    <col min="40" max="40" width="40.85546875" style="48" customWidth="1" outlineLevel="1"/>
    <col min="41" max="41" width="16.7109375" style="48" bestFit="1" customWidth="1"/>
    <col min="42" max="42" width="9.140625" style="48"/>
    <col min="43" max="43" width="65.140625" style="48" customWidth="1"/>
    <col min="44" max="16384" width="9.140625" style="48"/>
  </cols>
  <sheetData>
    <row r="1" spans="1:43" ht="23.25" x14ac:dyDescent="0.25">
      <c r="C1" s="114" t="s">
        <v>683</v>
      </c>
    </row>
    <row r="2" spans="1:43" s="120" customFormat="1" x14ac:dyDescent="0.25">
      <c r="A2" s="116"/>
      <c r="B2" s="116"/>
      <c r="C2" s="116"/>
      <c r="D2" s="117" t="s">
        <v>488</v>
      </c>
      <c r="E2" s="160"/>
      <c r="F2" s="160"/>
      <c r="G2" s="160"/>
      <c r="H2" s="160"/>
      <c r="I2" s="160"/>
      <c r="J2" s="160"/>
      <c r="K2" s="160"/>
      <c r="L2" s="160"/>
      <c r="M2" s="163" t="s">
        <v>690</v>
      </c>
      <c r="N2" s="163"/>
      <c r="O2" s="163"/>
      <c r="P2" s="163"/>
      <c r="Q2" s="163"/>
      <c r="R2" s="163"/>
      <c r="S2" s="163"/>
      <c r="T2" s="160" t="s">
        <v>682</v>
      </c>
      <c r="U2" s="160"/>
      <c r="V2" s="160"/>
      <c r="W2" s="160"/>
      <c r="X2" s="160"/>
      <c r="Y2" s="160"/>
      <c r="Z2" s="160"/>
      <c r="AA2" s="160"/>
      <c r="AB2" s="160"/>
      <c r="AC2" s="160"/>
      <c r="AD2" s="150" t="s">
        <v>489</v>
      </c>
      <c r="AE2" s="150"/>
      <c r="AF2" s="150"/>
      <c r="AG2" s="150"/>
      <c r="AH2" s="150"/>
      <c r="AI2" s="150"/>
      <c r="AJ2" s="150"/>
      <c r="AK2" s="160" t="s">
        <v>682</v>
      </c>
      <c r="AL2" s="160"/>
      <c r="AM2" s="117" t="s">
        <v>602</v>
      </c>
      <c r="AN2" s="118" t="s">
        <v>682</v>
      </c>
      <c r="AO2" s="150" t="s">
        <v>696</v>
      </c>
      <c r="AP2" s="150"/>
      <c r="AQ2" s="150"/>
    </row>
    <row r="3" spans="1:43" s="120" customFormat="1" x14ac:dyDescent="0.25">
      <c r="A3" s="116"/>
      <c r="B3" s="116"/>
      <c r="C3" s="119"/>
      <c r="D3" s="117" t="s">
        <v>442</v>
      </c>
      <c r="E3" s="160" t="s">
        <v>444</v>
      </c>
      <c r="F3" s="160"/>
      <c r="G3" s="160"/>
      <c r="H3" s="160"/>
      <c r="I3" s="160"/>
      <c r="J3" s="160"/>
      <c r="K3" s="160"/>
      <c r="L3" s="160"/>
      <c r="M3" s="163" t="s">
        <v>487</v>
      </c>
      <c r="N3" s="163"/>
      <c r="O3" s="163"/>
      <c r="P3" s="163"/>
      <c r="Q3" s="163"/>
      <c r="R3" s="166" t="s">
        <v>442</v>
      </c>
      <c r="S3" s="166"/>
      <c r="T3" s="160" t="s">
        <v>577</v>
      </c>
      <c r="U3" s="160"/>
      <c r="V3" s="160" t="s">
        <v>487</v>
      </c>
      <c r="W3" s="160"/>
      <c r="X3" s="160"/>
      <c r="Y3" s="160"/>
      <c r="Z3" s="160"/>
      <c r="AA3" s="160"/>
      <c r="AB3" s="160"/>
      <c r="AC3" s="118" t="s">
        <v>442</v>
      </c>
      <c r="AD3" s="162" t="s">
        <v>487</v>
      </c>
      <c r="AE3" s="162"/>
      <c r="AF3" s="162"/>
      <c r="AG3" s="162"/>
      <c r="AH3" s="162"/>
      <c r="AI3" s="162"/>
      <c r="AJ3" s="117" t="s">
        <v>442</v>
      </c>
      <c r="AK3" s="160" t="s">
        <v>578</v>
      </c>
      <c r="AL3" s="160"/>
      <c r="AM3" s="117" t="s">
        <v>442</v>
      </c>
      <c r="AN3" s="118" t="s">
        <v>442</v>
      </c>
      <c r="AO3" s="117"/>
      <c r="AP3" s="117"/>
      <c r="AQ3" s="117"/>
    </row>
    <row r="4" spans="1:43" s="120" customFormat="1" ht="80.25" x14ac:dyDescent="0.25">
      <c r="A4" s="116" t="s">
        <v>2</v>
      </c>
      <c r="B4" s="116" t="s">
        <v>1</v>
      </c>
      <c r="C4" s="116" t="s">
        <v>695</v>
      </c>
      <c r="D4" s="117" t="s">
        <v>481</v>
      </c>
      <c r="E4" s="121" t="s">
        <v>297</v>
      </c>
      <c r="F4" s="121" t="s">
        <v>190</v>
      </c>
      <c r="G4" s="121" t="s">
        <v>298</v>
      </c>
      <c r="H4" s="121" t="s">
        <v>188</v>
      </c>
      <c r="I4" s="121" t="s">
        <v>189</v>
      </c>
      <c r="J4" s="121" t="s">
        <v>443</v>
      </c>
      <c r="K4" s="121" t="s">
        <v>187</v>
      </c>
      <c r="L4" s="118" t="s">
        <v>445</v>
      </c>
      <c r="M4" s="121" t="s">
        <v>190</v>
      </c>
      <c r="N4" s="121" t="s">
        <v>188</v>
      </c>
      <c r="O4" s="121" t="s">
        <v>189</v>
      </c>
      <c r="P4" s="121" t="s">
        <v>443</v>
      </c>
      <c r="Q4" s="121" t="s">
        <v>187</v>
      </c>
      <c r="R4" s="118" t="s">
        <v>689</v>
      </c>
      <c r="S4" s="118" t="s">
        <v>445</v>
      </c>
      <c r="T4" s="118" t="s">
        <v>1</v>
      </c>
      <c r="U4" s="118" t="s">
        <v>464</v>
      </c>
      <c r="V4" s="121" t="s">
        <v>297</v>
      </c>
      <c r="W4" s="121" t="s">
        <v>190</v>
      </c>
      <c r="X4" s="121" t="s">
        <v>298</v>
      </c>
      <c r="Y4" s="121" t="s">
        <v>188</v>
      </c>
      <c r="Z4" s="121" t="s">
        <v>189</v>
      </c>
      <c r="AA4" s="121" t="s">
        <v>443</v>
      </c>
      <c r="AB4" s="121" t="s">
        <v>187</v>
      </c>
      <c r="AC4" s="118" t="s">
        <v>550</v>
      </c>
      <c r="AD4" s="122" t="s">
        <v>297</v>
      </c>
      <c r="AE4" s="122" t="s">
        <v>190</v>
      </c>
      <c r="AF4" s="122" t="s">
        <v>298</v>
      </c>
      <c r="AG4" s="122" t="s">
        <v>188</v>
      </c>
      <c r="AH4" s="122" t="s">
        <v>189</v>
      </c>
      <c r="AI4" s="122" t="s">
        <v>187</v>
      </c>
      <c r="AJ4" s="117" t="s">
        <v>481</v>
      </c>
      <c r="AK4" s="118" t="s">
        <v>1</v>
      </c>
      <c r="AL4" s="118" t="s">
        <v>614</v>
      </c>
      <c r="AM4" s="117" t="s">
        <v>481</v>
      </c>
      <c r="AN4" s="118" t="s">
        <v>550</v>
      </c>
      <c r="AO4" s="117" t="s">
        <v>2</v>
      </c>
      <c r="AP4" s="117" t="s">
        <v>1</v>
      </c>
      <c r="AQ4" s="117" t="s">
        <v>615</v>
      </c>
    </row>
    <row r="5" spans="1:43" x14ac:dyDescent="0.25">
      <c r="A5" s="154" t="s">
        <v>633</v>
      </c>
      <c r="B5" s="155" t="s">
        <v>9</v>
      </c>
      <c r="C5" s="3" t="s">
        <v>11</v>
      </c>
      <c r="D5" s="130"/>
      <c r="E5" s="131"/>
      <c r="F5" s="131"/>
      <c r="G5" s="131"/>
      <c r="H5" s="131"/>
      <c r="I5" s="131"/>
      <c r="J5" s="131"/>
      <c r="K5" s="131"/>
      <c r="L5" s="156" t="s">
        <v>441</v>
      </c>
      <c r="M5" s="7">
        <v>3</v>
      </c>
      <c r="N5" s="7" t="s">
        <v>191</v>
      </c>
      <c r="O5" s="7">
        <v>3</v>
      </c>
      <c r="P5" s="7">
        <v>3</v>
      </c>
      <c r="Q5" s="7">
        <v>5</v>
      </c>
      <c r="R5" s="159" t="s">
        <v>192</v>
      </c>
      <c r="S5" s="159" t="s">
        <v>193</v>
      </c>
      <c r="T5" s="113"/>
      <c r="U5" s="113"/>
      <c r="V5" s="113"/>
      <c r="W5" s="113"/>
      <c r="X5" s="113"/>
      <c r="Y5" s="113"/>
      <c r="Z5" s="113"/>
      <c r="AA5" s="113"/>
      <c r="AB5" s="113"/>
      <c r="AC5" s="158"/>
      <c r="AD5" s="123"/>
      <c r="AE5" s="123"/>
      <c r="AF5" s="123"/>
      <c r="AG5" s="123"/>
      <c r="AH5" s="123"/>
      <c r="AI5" s="123"/>
      <c r="AJ5" s="158"/>
      <c r="AK5" s="151" t="s">
        <v>9</v>
      </c>
      <c r="AL5" s="131" t="s">
        <v>627</v>
      </c>
      <c r="AM5" s="157" t="s">
        <v>579</v>
      </c>
      <c r="AN5" s="156"/>
      <c r="AO5" s="157" t="s">
        <v>633</v>
      </c>
      <c r="AP5" s="157" t="s">
        <v>9</v>
      </c>
      <c r="AQ5" s="130" t="s">
        <v>627</v>
      </c>
    </row>
    <row r="6" spans="1:43" x14ac:dyDescent="0.25">
      <c r="A6" s="154"/>
      <c r="B6" s="155"/>
      <c r="C6" s="3" t="s">
        <v>14</v>
      </c>
      <c r="D6" s="130"/>
      <c r="E6" s="131"/>
      <c r="F6" s="131">
        <v>3</v>
      </c>
      <c r="G6" s="131"/>
      <c r="H6" s="131">
        <v>5</v>
      </c>
      <c r="I6" s="131">
        <v>3</v>
      </c>
      <c r="J6" s="131">
        <v>3</v>
      </c>
      <c r="K6" s="131">
        <v>5</v>
      </c>
      <c r="L6" s="156"/>
      <c r="M6" s="7"/>
      <c r="N6" s="7"/>
      <c r="O6" s="7"/>
      <c r="P6" s="7"/>
      <c r="Q6" s="7"/>
      <c r="R6" s="159"/>
      <c r="S6" s="159"/>
      <c r="T6" s="113"/>
      <c r="U6" s="113"/>
      <c r="V6" s="113"/>
      <c r="W6" s="113"/>
      <c r="X6" s="113"/>
      <c r="Y6" s="113"/>
      <c r="Z6" s="113"/>
      <c r="AA6" s="113"/>
      <c r="AB6" s="113"/>
      <c r="AC6" s="158"/>
      <c r="AD6" s="123"/>
      <c r="AE6" s="123"/>
      <c r="AF6" s="123"/>
      <c r="AG6" s="123"/>
      <c r="AH6" s="123"/>
      <c r="AI6" s="123"/>
      <c r="AJ6" s="158"/>
      <c r="AK6" s="152"/>
      <c r="AL6" s="131" t="s">
        <v>14</v>
      </c>
      <c r="AM6" s="157"/>
      <c r="AN6" s="156"/>
      <c r="AO6" s="157"/>
      <c r="AP6" s="157"/>
      <c r="AQ6" s="130" t="s">
        <v>14</v>
      </c>
    </row>
    <row r="7" spans="1:43" x14ac:dyDescent="0.25">
      <c r="A7" s="154"/>
      <c r="B7" s="155"/>
      <c r="C7" s="3" t="s">
        <v>19</v>
      </c>
      <c r="D7" s="130"/>
      <c r="E7" s="131"/>
      <c r="F7" s="131">
        <v>3</v>
      </c>
      <c r="G7" s="131"/>
      <c r="H7" s="131">
        <v>5</v>
      </c>
      <c r="I7" s="131">
        <v>3</v>
      </c>
      <c r="J7" s="131">
        <v>3</v>
      </c>
      <c r="K7" s="131">
        <v>5</v>
      </c>
      <c r="L7" s="156"/>
      <c r="M7" s="7"/>
      <c r="N7" s="7"/>
      <c r="O7" s="7"/>
      <c r="P7" s="7"/>
      <c r="Q7" s="7"/>
      <c r="R7" s="159"/>
      <c r="S7" s="159"/>
      <c r="T7" s="113"/>
      <c r="U7" s="113"/>
      <c r="V7" s="113"/>
      <c r="W7" s="113"/>
      <c r="X7" s="113"/>
      <c r="Y7" s="113"/>
      <c r="Z7" s="113"/>
      <c r="AA7" s="113"/>
      <c r="AB7" s="113"/>
      <c r="AC7" s="158"/>
      <c r="AD7" s="123"/>
      <c r="AE7" s="123"/>
      <c r="AF7" s="123"/>
      <c r="AG7" s="123"/>
      <c r="AH7" s="123"/>
      <c r="AI7" s="123"/>
      <c r="AJ7" s="158"/>
      <c r="AK7" s="152"/>
      <c r="AL7" s="131" t="s">
        <v>19</v>
      </c>
      <c r="AM7" s="157"/>
      <c r="AN7" s="156"/>
      <c r="AO7" s="157"/>
      <c r="AP7" s="157"/>
      <c r="AQ7" s="130" t="s">
        <v>19</v>
      </c>
    </row>
    <row r="8" spans="1:43" x14ac:dyDescent="0.25">
      <c r="A8" s="154"/>
      <c r="B8" s="155"/>
      <c r="C8" s="3" t="s">
        <v>21</v>
      </c>
      <c r="D8" s="130"/>
      <c r="E8" s="131"/>
      <c r="F8" s="131">
        <v>3</v>
      </c>
      <c r="G8" s="131"/>
      <c r="H8" s="131">
        <v>5</v>
      </c>
      <c r="I8" s="131">
        <v>3</v>
      </c>
      <c r="J8" s="131">
        <v>3</v>
      </c>
      <c r="K8" s="131">
        <v>5</v>
      </c>
      <c r="L8" s="156"/>
      <c r="M8" s="7"/>
      <c r="N8" s="7"/>
      <c r="O8" s="7"/>
      <c r="P8" s="7"/>
      <c r="Q8" s="7"/>
      <c r="R8" s="159"/>
      <c r="S8" s="159"/>
      <c r="T8" s="113"/>
      <c r="U8" s="113"/>
      <c r="V8" s="113"/>
      <c r="W8" s="113"/>
      <c r="X8" s="113"/>
      <c r="Y8" s="113"/>
      <c r="Z8" s="113"/>
      <c r="AA8" s="113"/>
      <c r="AB8" s="113"/>
      <c r="AC8" s="158"/>
      <c r="AD8" s="123"/>
      <c r="AE8" s="123"/>
      <c r="AF8" s="123"/>
      <c r="AG8" s="123"/>
      <c r="AH8" s="123"/>
      <c r="AI8" s="123"/>
      <c r="AJ8" s="158"/>
      <c r="AK8" s="153"/>
      <c r="AL8" s="131"/>
      <c r="AM8" s="157"/>
      <c r="AN8" s="156"/>
      <c r="AO8" s="157"/>
      <c r="AP8" s="157"/>
      <c r="AQ8" s="130"/>
    </row>
    <row r="9" spans="1:43" ht="30" x14ac:dyDescent="0.25">
      <c r="A9" s="113"/>
      <c r="B9" s="113"/>
      <c r="C9" s="113"/>
      <c r="D9" s="113"/>
      <c r="E9" s="113"/>
      <c r="F9" s="113"/>
      <c r="G9" s="113"/>
      <c r="H9" s="113"/>
      <c r="I9" s="113"/>
      <c r="J9" s="113"/>
      <c r="K9" s="113"/>
      <c r="L9" s="113"/>
      <c r="M9" s="111"/>
      <c r="N9" s="111"/>
      <c r="O9" s="111"/>
      <c r="P9" s="111"/>
      <c r="Q9" s="111"/>
      <c r="R9" s="112"/>
      <c r="S9" s="112"/>
      <c r="T9" s="156" t="s">
        <v>29</v>
      </c>
      <c r="U9" s="131" t="s">
        <v>321</v>
      </c>
      <c r="V9" s="131">
        <v>5</v>
      </c>
      <c r="W9" s="131">
        <v>3</v>
      </c>
      <c r="X9" s="131">
        <v>5</v>
      </c>
      <c r="Y9" s="131">
        <v>5</v>
      </c>
      <c r="Z9" s="131">
        <v>5</v>
      </c>
      <c r="AA9" s="131"/>
      <c r="AB9" s="131"/>
      <c r="AC9" s="156" t="s">
        <v>551</v>
      </c>
      <c r="AD9" s="132">
        <v>5</v>
      </c>
      <c r="AE9" s="132">
        <v>5</v>
      </c>
      <c r="AF9" s="132">
        <v>5</v>
      </c>
      <c r="AG9" s="132"/>
      <c r="AH9" s="132"/>
      <c r="AI9" s="132"/>
      <c r="AJ9" s="157" t="s">
        <v>322</v>
      </c>
      <c r="AK9" s="113"/>
      <c r="AL9" s="113"/>
      <c r="AM9" s="113"/>
      <c r="AN9" s="113"/>
      <c r="AO9" s="113"/>
      <c r="AP9" s="113"/>
      <c r="AQ9" s="113"/>
    </row>
    <row r="10" spans="1:43" x14ac:dyDescent="0.25">
      <c r="A10" s="113"/>
      <c r="B10" s="113"/>
      <c r="C10" s="113"/>
      <c r="D10" s="113"/>
      <c r="E10" s="113"/>
      <c r="F10" s="113"/>
      <c r="G10" s="113"/>
      <c r="H10" s="113"/>
      <c r="I10" s="113"/>
      <c r="J10" s="113"/>
      <c r="K10" s="113"/>
      <c r="L10" s="113"/>
      <c r="M10" s="111"/>
      <c r="N10" s="111"/>
      <c r="O10" s="111"/>
      <c r="P10" s="111"/>
      <c r="Q10" s="111"/>
      <c r="R10" s="112"/>
      <c r="S10" s="112"/>
      <c r="T10" s="156"/>
      <c r="U10" s="131" t="s">
        <v>467</v>
      </c>
      <c r="V10" s="131"/>
      <c r="W10" s="131"/>
      <c r="X10" s="131"/>
      <c r="Y10" s="131"/>
      <c r="Z10" s="131"/>
      <c r="AA10" s="131"/>
      <c r="AB10" s="131"/>
      <c r="AC10" s="156"/>
      <c r="AD10" s="132">
        <v>3.75</v>
      </c>
      <c r="AE10" s="132">
        <v>3.75</v>
      </c>
      <c r="AF10" s="132">
        <v>4</v>
      </c>
      <c r="AG10" s="132">
        <v>3.3333333333333335</v>
      </c>
      <c r="AH10" s="132">
        <v>3</v>
      </c>
      <c r="AI10" s="132">
        <v>4.333333333333333</v>
      </c>
      <c r="AJ10" s="157"/>
      <c r="AK10" s="113"/>
      <c r="AL10" s="113"/>
      <c r="AM10" s="113"/>
      <c r="AN10" s="113"/>
      <c r="AO10" s="113"/>
      <c r="AP10" s="113"/>
      <c r="AQ10" s="113"/>
    </row>
    <row r="11" spans="1:43" x14ac:dyDescent="0.25">
      <c r="A11" s="113"/>
      <c r="B11" s="113"/>
      <c r="C11" s="113"/>
      <c r="D11" s="113"/>
      <c r="E11" s="113"/>
      <c r="F11" s="113"/>
      <c r="G11" s="113"/>
      <c r="H11" s="113"/>
      <c r="I11" s="113"/>
      <c r="J11" s="113"/>
      <c r="K11" s="113"/>
      <c r="L11" s="113"/>
      <c r="M11" s="111"/>
      <c r="N11" s="111"/>
      <c r="O11" s="111"/>
      <c r="P11" s="111"/>
      <c r="Q11" s="111"/>
      <c r="R11" s="112"/>
      <c r="S11" s="112"/>
      <c r="T11" s="156"/>
      <c r="U11" s="131" t="s">
        <v>468</v>
      </c>
      <c r="V11" s="131"/>
      <c r="W11" s="131"/>
      <c r="X11" s="131"/>
      <c r="Y11" s="131"/>
      <c r="Z11" s="131"/>
      <c r="AA11" s="131"/>
      <c r="AB11" s="131"/>
      <c r="AC11" s="156"/>
      <c r="AD11" s="132">
        <v>4.25</v>
      </c>
      <c r="AE11" s="132">
        <v>4</v>
      </c>
      <c r="AF11" s="132">
        <v>4.5</v>
      </c>
      <c r="AG11" s="132">
        <v>3.5</v>
      </c>
      <c r="AH11" s="132">
        <v>3.25</v>
      </c>
      <c r="AI11" s="132">
        <v>4.5</v>
      </c>
      <c r="AJ11" s="157"/>
      <c r="AK11" s="113"/>
      <c r="AL11" s="113"/>
      <c r="AM11" s="113"/>
      <c r="AN11" s="113"/>
      <c r="AO11" s="113"/>
      <c r="AP11" s="113"/>
      <c r="AQ11" s="113"/>
    </row>
    <row r="12" spans="1:43" x14ac:dyDescent="0.25">
      <c r="A12" s="113"/>
      <c r="B12" s="113"/>
      <c r="C12" s="113"/>
      <c r="D12" s="113"/>
      <c r="E12" s="113"/>
      <c r="F12" s="113"/>
      <c r="G12" s="113"/>
      <c r="H12" s="113"/>
      <c r="I12" s="113"/>
      <c r="J12" s="113"/>
      <c r="K12" s="113"/>
      <c r="L12" s="113"/>
      <c r="M12" s="111"/>
      <c r="N12" s="111"/>
      <c r="O12" s="111"/>
      <c r="P12" s="111"/>
      <c r="Q12" s="111"/>
      <c r="R12" s="112"/>
      <c r="S12" s="112"/>
      <c r="T12" s="156"/>
      <c r="U12" s="131" t="s">
        <v>469</v>
      </c>
      <c r="V12" s="131"/>
      <c r="W12" s="131"/>
      <c r="X12" s="131"/>
      <c r="Y12" s="131"/>
      <c r="Z12" s="131"/>
      <c r="AA12" s="131"/>
      <c r="AB12" s="131"/>
      <c r="AC12" s="156"/>
      <c r="AD12" s="132">
        <v>4</v>
      </c>
      <c r="AE12" s="132">
        <v>3.5</v>
      </c>
      <c r="AF12" s="132">
        <v>3.75</v>
      </c>
      <c r="AG12" s="132">
        <v>3.25</v>
      </c>
      <c r="AH12" s="132">
        <v>3.5</v>
      </c>
      <c r="AI12" s="132">
        <v>4.5</v>
      </c>
      <c r="AJ12" s="157"/>
      <c r="AK12" s="113"/>
      <c r="AL12" s="113"/>
      <c r="AM12" s="113"/>
      <c r="AN12" s="113"/>
      <c r="AO12" s="113"/>
      <c r="AP12" s="113"/>
      <c r="AQ12" s="113"/>
    </row>
    <row r="13" spans="1:43" x14ac:dyDescent="0.25">
      <c r="A13" s="113"/>
      <c r="B13" s="113"/>
      <c r="C13" s="113"/>
      <c r="D13" s="113"/>
      <c r="E13" s="113"/>
      <c r="F13" s="113"/>
      <c r="G13" s="113"/>
      <c r="H13" s="113"/>
      <c r="I13" s="113"/>
      <c r="J13" s="113"/>
      <c r="K13" s="113"/>
      <c r="L13" s="113"/>
      <c r="M13" s="111"/>
      <c r="N13" s="111"/>
      <c r="O13" s="111"/>
      <c r="P13" s="111"/>
      <c r="Q13" s="111"/>
      <c r="R13" s="112"/>
      <c r="S13" s="112"/>
      <c r="T13" s="156"/>
      <c r="U13" s="131" t="s">
        <v>470</v>
      </c>
      <c r="V13" s="131"/>
      <c r="W13" s="131"/>
      <c r="X13" s="131"/>
      <c r="Y13" s="131"/>
      <c r="Z13" s="131"/>
      <c r="AA13" s="131"/>
      <c r="AB13" s="131"/>
      <c r="AC13" s="156"/>
      <c r="AD13" s="132">
        <v>3.25</v>
      </c>
      <c r="AE13" s="132">
        <v>3.25</v>
      </c>
      <c r="AF13" s="132">
        <v>3.5</v>
      </c>
      <c r="AG13" s="132">
        <v>3.25</v>
      </c>
      <c r="AH13" s="132">
        <v>3</v>
      </c>
      <c r="AI13" s="132">
        <v>4.5</v>
      </c>
      <c r="AJ13" s="157"/>
      <c r="AK13" s="113"/>
      <c r="AL13" s="113"/>
      <c r="AM13" s="113"/>
      <c r="AN13" s="113"/>
      <c r="AO13" s="113"/>
      <c r="AP13" s="113"/>
      <c r="AQ13" s="113"/>
    </row>
    <row r="14" spans="1:43" x14ac:dyDescent="0.25">
      <c r="A14" s="113"/>
      <c r="B14" s="113"/>
      <c r="C14" s="113"/>
      <c r="D14" s="113"/>
      <c r="E14" s="113"/>
      <c r="F14" s="113"/>
      <c r="G14" s="113"/>
      <c r="H14" s="113"/>
      <c r="I14" s="113"/>
      <c r="J14" s="113"/>
      <c r="K14" s="113"/>
      <c r="L14" s="113"/>
      <c r="M14" s="111"/>
      <c r="N14" s="111"/>
      <c r="O14" s="111"/>
      <c r="P14" s="111"/>
      <c r="Q14" s="111"/>
      <c r="R14" s="112"/>
      <c r="S14" s="112"/>
      <c r="T14" s="156"/>
      <c r="U14" s="131" t="s">
        <v>471</v>
      </c>
      <c r="V14" s="131"/>
      <c r="W14" s="131"/>
      <c r="X14" s="131"/>
      <c r="Y14" s="131"/>
      <c r="Z14" s="131"/>
      <c r="AA14" s="131"/>
      <c r="AB14" s="131"/>
      <c r="AC14" s="156"/>
      <c r="AD14" s="132">
        <v>4</v>
      </c>
      <c r="AE14" s="132">
        <v>3.75</v>
      </c>
      <c r="AF14" s="132">
        <v>3.75</v>
      </c>
      <c r="AG14" s="132">
        <v>3.75</v>
      </c>
      <c r="AH14" s="132">
        <v>3.5</v>
      </c>
      <c r="AI14" s="132">
        <v>4.5</v>
      </c>
      <c r="AJ14" s="157"/>
      <c r="AK14" s="113"/>
      <c r="AL14" s="113"/>
      <c r="AM14" s="113"/>
      <c r="AN14" s="113"/>
      <c r="AO14" s="113"/>
      <c r="AP14" s="113"/>
      <c r="AQ14" s="113"/>
    </row>
    <row r="15" spans="1:43" ht="75" x14ac:dyDescent="0.25">
      <c r="A15" s="165" t="s">
        <v>633</v>
      </c>
      <c r="B15" s="155" t="s">
        <v>23</v>
      </c>
      <c r="C15" s="3" t="s">
        <v>24</v>
      </c>
      <c r="D15" s="157"/>
      <c r="E15" s="131"/>
      <c r="F15" s="131">
        <v>5</v>
      </c>
      <c r="G15" s="131"/>
      <c r="H15" s="131">
        <v>5</v>
      </c>
      <c r="I15" s="131">
        <v>5</v>
      </c>
      <c r="J15" s="131">
        <v>5</v>
      </c>
      <c r="K15" s="131">
        <v>5</v>
      </c>
      <c r="L15" s="156"/>
      <c r="M15" s="7">
        <v>5</v>
      </c>
      <c r="N15" s="7">
        <v>5</v>
      </c>
      <c r="O15" s="7">
        <v>5</v>
      </c>
      <c r="P15" s="7">
        <v>5</v>
      </c>
      <c r="Q15" s="7">
        <v>5</v>
      </c>
      <c r="R15" s="159" t="s">
        <v>196</v>
      </c>
      <c r="S15" s="159" t="s">
        <v>197</v>
      </c>
      <c r="T15" s="131" t="s">
        <v>23</v>
      </c>
      <c r="U15" s="131" t="s">
        <v>319</v>
      </c>
      <c r="V15" s="131">
        <v>3</v>
      </c>
      <c r="W15" s="131">
        <v>5</v>
      </c>
      <c r="X15" s="131">
        <v>5</v>
      </c>
      <c r="Y15" s="131">
        <v>5</v>
      </c>
      <c r="Z15" s="131">
        <v>5</v>
      </c>
      <c r="AA15" s="131"/>
      <c r="AB15" s="131">
        <v>5</v>
      </c>
      <c r="AC15" s="131" t="s">
        <v>482</v>
      </c>
      <c r="AD15" s="132">
        <v>4.5</v>
      </c>
      <c r="AE15" s="132">
        <v>4.25</v>
      </c>
      <c r="AF15" s="132">
        <v>4.25</v>
      </c>
      <c r="AG15" s="132">
        <v>4.75</v>
      </c>
      <c r="AH15" s="132">
        <v>4.75</v>
      </c>
      <c r="AI15" s="132">
        <v>4.5</v>
      </c>
      <c r="AJ15" s="130" t="s">
        <v>320</v>
      </c>
      <c r="AK15" s="131" t="s">
        <v>23</v>
      </c>
      <c r="AL15" s="131" t="s">
        <v>490</v>
      </c>
      <c r="AM15" s="130" t="s">
        <v>581</v>
      </c>
      <c r="AN15" s="131" t="s">
        <v>569</v>
      </c>
      <c r="AO15" s="130" t="s">
        <v>633</v>
      </c>
      <c r="AP15" s="130" t="s">
        <v>23</v>
      </c>
      <c r="AQ15" s="130" t="s">
        <v>490</v>
      </c>
    </row>
    <row r="16" spans="1:43" ht="30" x14ac:dyDescent="0.25">
      <c r="A16" s="165"/>
      <c r="B16" s="155"/>
      <c r="C16" s="3" t="s">
        <v>27</v>
      </c>
      <c r="D16" s="157"/>
      <c r="E16" s="131"/>
      <c r="F16" s="131"/>
      <c r="G16" s="131"/>
      <c r="H16" s="131"/>
      <c r="I16" s="131"/>
      <c r="J16" s="131"/>
      <c r="K16" s="131"/>
      <c r="L16" s="156"/>
      <c r="M16" s="7"/>
      <c r="N16" s="7"/>
      <c r="O16" s="7"/>
      <c r="P16" s="7"/>
      <c r="Q16" s="7"/>
      <c r="R16" s="159"/>
      <c r="S16" s="159"/>
      <c r="T16" s="113"/>
      <c r="U16" s="113"/>
      <c r="V16" s="113"/>
      <c r="W16" s="113"/>
      <c r="X16" s="113"/>
      <c r="Y16" s="113"/>
      <c r="Z16" s="113"/>
      <c r="AA16" s="113"/>
      <c r="AB16" s="113"/>
      <c r="AC16" s="113"/>
      <c r="AD16" s="123"/>
      <c r="AE16" s="123"/>
      <c r="AF16" s="123"/>
      <c r="AG16" s="123"/>
      <c r="AH16" s="123"/>
      <c r="AI16" s="123"/>
      <c r="AJ16" s="113"/>
      <c r="AK16" s="131" t="s">
        <v>29</v>
      </c>
      <c r="AL16" s="131" t="s">
        <v>570</v>
      </c>
      <c r="AM16" s="130"/>
      <c r="AN16" s="131" t="s">
        <v>568</v>
      </c>
      <c r="AO16" s="130" t="s">
        <v>633</v>
      </c>
      <c r="AP16" s="130" t="s">
        <v>29</v>
      </c>
      <c r="AQ16" s="130" t="s">
        <v>570</v>
      </c>
    </row>
    <row r="17" spans="1:43" ht="30" x14ac:dyDescent="0.25">
      <c r="A17" s="165"/>
      <c r="B17" s="155"/>
      <c r="C17" s="3" t="s">
        <v>28</v>
      </c>
      <c r="D17" s="157"/>
      <c r="E17" s="131"/>
      <c r="F17" s="131"/>
      <c r="G17" s="131"/>
      <c r="H17" s="131"/>
      <c r="I17" s="131"/>
      <c r="J17" s="131"/>
      <c r="K17" s="131"/>
      <c r="L17" s="156"/>
      <c r="R17" s="159"/>
      <c r="S17" s="159"/>
      <c r="T17" s="156" t="s">
        <v>33</v>
      </c>
      <c r="U17" s="156" t="s">
        <v>299</v>
      </c>
      <c r="V17" s="131"/>
      <c r="W17" s="131"/>
      <c r="X17" s="131"/>
      <c r="Y17" s="131"/>
      <c r="Z17" s="131"/>
      <c r="AA17" s="131"/>
      <c r="AB17" s="131"/>
      <c r="AC17" s="156" t="s">
        <v>483</v>
      </c>
      <c r="AD17" s="132"/>
      <c r="AE17" s="132"/>
      <c r="AF17" s="132"/>
      <c r="AG17" s="132"/>
      <c r="AH17" s="132"/>
      <c r="AI17" s="132"/>
      <c r="AJ17" s="157" t="s">
        <v>300</v>
      </c>
      <c r="AK17" s="113"/>
      <c r="AL17" s="113"/>
      <c r="AM17" s="113"/>
      <c r="AN17" s="113"/>
      <c r="AO17" s="113"/>
      <c r="AP17" s="113"/>
      <c r="AQ17" s="113"/>
    </row>
    <row r="18" spans="1:43" x14ac:dyDescent="0.25">
      <c r="A18" s="165"/>
      <c r="B18" s="155"/>
      <c r="C18" s="3"/>
      <c r="D18" s="157"/>
      <c r="E18" s="131"/>
      <c r="F18" s="131"/>
      <c r="G18" s="131"/>
      <c r="H18" s="131"/>
      <c r="I18" s="131"/>
      <c r="J18" s="131"/>
      <c r="K18" s="131"/>
      <c r="L18" s="156"/>
      <c r="R18" s="159"/>
      <c r="S18" s="159"/>
      <c r="T18" s="156"/>
      <c r="U18" s="156"/>
      <c r="V18" s="131"/>
      <c r="W18" s="131">
        <v>5</v>
      </c>
      <c r="X18" s="131"/>
      <c r="Y18" s="131">
        <v>5</v>
      </c>
      <c r="Z18" s="131">
        <v>5</v>
      </c>
      <c r="AA18" s="131">
        <v>5</v>
      </c>
      <c r="AB18" s="131">
        <v>5</v>
      </c>
      <c r="AC18" s="156"/>
      <c r="AD18" s="132">
        <v>3.5</v>
      </c>
      <c r="AE18" s="132">
        <v>4</v>
      </c>
      <c r="AF18" s="132">
        <v>4</v>
      </c>
      <c r="AG18" s="132">
        <v>3.5</v>
      </c>
      <c r="AH18" s="132">
        <v>3.25</v>
      </c>
      <c r="AI18" s="132">
        <v>4.75</v>
      </c>
      <c r="AJ18" s="157"/>
      <c r="AK18" s="113"/>
      <c r="AL18" s="113"/>
      <c r="AM18" s="113"/>
      <c r="AN18" s="113"/>
      <c r="AO18" s="113"/>
      <c r="AP18" s="113"/>
      <c r="AQ18" s="113"/>
    </row>
    <row r="19" spans="1:43" x14ac:dyDescent="0.25">
      <c r="A19" s="165"/>
      <c r="B19" s="155"/>
      <c r="C19" s="3"/>
      <c r="D19" s="157"/>
      <c r="E19" s="131"/>
      <c r="F19" s="131"/>
      <c r="G19" s="131"/>
      <c r="H19" s="131"/>
      <c r="I19" s="131"/>
      <c r="J19" s="131"/>
      <c r="K19" s="131"/>
      <c r="L19" s="156"/>
      <c r="R19" s="159"/>
      <c r="S19" s="159"/>
      <c r="T19" s="156"/>
      <c r="U19" s="131"/>
      <c r="V19" s="131"/>
      <c r="W19" s="131"/>
      <c r="X19" s="131"/>
      <c r="Y19" s="131"/>
      <c r="Z19" s="131"/>
      <c r="AA19" s="131"/>
      <c r="AB19" s="131"/>
      <c r="AC19" s="156"/>
      <c r="AD19" s="132"/>
      <c r="AE19" s="132"/>
      <c r="AF19" s="132"/>
      <c r="AG19" s="132"/>
      <c r="AH19" s="132"/>
      <c r="AI19" s="132"/>
      <c r="AJ19" s="157"/>
      <c r="AK19" s="156" t="s">
        <v>33</v>
      </c>
      <c r="AL19" s="131" t="s">
        <v>571</v>
      </c>
      <c r="AM19" s="157"/>
      <c r="AN19" s="156"/>
      <c r="AO19" s="157" t="s">
        <v>633</v>
      </c>
      <c r="AP19" s="157" t="s">
        <v>33</v>
      </c>
      <c r="AQ19" s="130" t="s">
        <v>571</v>
      </c>
    </row>
    <row r="20" spans="1:43" x14ac:dyDescent="0.25">
      <c r="A20" s="165"/>
      <c r="B20" s="155"/>
      <c r="C20" s="3"/>
      <c r="D20" s="157"/>
      <c r="E20" s="131"/>
      <c r="F20" s="131"/>
      <c r="G20" s="131"/>
      <c r="H20" s="131"/>
      <c r="I20" s="131"/>
      <c r="J20" s="131"/>
      <c r="K20" s="131"/>
      <c r="L20" s="156"/>
      <c r="R20" s="159"/>
      <c r="S20" s="159"/>
      <c r="T20" s="156"/>
      <c r="U20" s="131"/>
      <c r="V20" s="131"/>
      <c r="W20" s="131"/>
      <c r="X20" s="131"/>
      <c r="Y20" s="131"/>
      <c r="Z20" s="131"/>
      <c r="AA20" s="131"/>
      <c r="AB20" s="131"/>
      <c r="AC20" s="156"/>
      <c r="AD20" s="132"/>
      <c r="AE20" s="132"/>
      <c r="AF20" s="132"/>
      <c r="AG20" s="132"/>
      <c r="AH20" s="132"/>
      <c r="AI20" s="132"/>
      <c r="AJ20" s="157"/>
      <c r="AK20" s="156"/>
      <c r="AL20" s="131" t="s">
        <v>574</v>
      </c>
      <c r="AM20" s="157"/>
      <c r="AN20" s="156"/>
      <c r="AO20" s="157"/>
      <c r="AP20" s="157"/>
      <c r="AQ20" s="130" t="s">
        <v>628</v>
      </c>
    </row>
    <row r="21" spans="1:43" x14ac:dyDescent="0.25">
      <c r="A21" s="165"/>
      <c r="B21" s="155"/>
      <c r="C21" s="3"/>
      <c r="D21" s="157"/>
      <c r="E21" s="131"/>
      <c r="F21" s="131"/>
      <c r="G21" s="131"/>
      <c r="H21" s="131"/>
      <c r="I21" s="131"/>
      <c r="J21" s="131"/>
      <c r="K21" s="131"/>
      <c r="L21" s="156"/>
      <c r="R21" s="159"/>
      <c r="S21" s="159"/>
      <c r="T21" s="156"/>
      <c r="U21" s="131"/>
      <c r="V21" s="131"/>
      <c r="W21" s="131"/>
      <c r="X21" s="131"/>
      <c r="Y21" s="131"/>
      <c r="Z21" s="131"/>
      <c r="AA21" s="131"/>
      <c r="AB21" s="131"/>
      <c r="AC21" s="156"/>
      <c r="AD21" s="132"/>
      <c r="AE21" s="132"/>
      <c r="AF21" s="132"/>
      <c r="AG21" s="132"/>
      <c r="AH21" s="132"/>
      <c r="AI21" s="132"/>
      <c r="AJ21" s="157"/>
      <c r="AK21" s="156"/>
      <c r="AL21" s="131" t="s">
        <v>491</v>
      </c>
      <c r="AM21" s="157"/>
      <c r="AN21" s="156"/>
      <c r="AO21" s="157"/>
      <c r="AP21" s="157"/>
      <c r="AQ21" s="130" t="s">
        <v>629</v>
      </c>
    </row>
    <row r="22" spans="1:43" x14ac:dyDescent="0.25">
      <c r="A22" s="165"/>
      <c r="B22" s="155"/>
      <c r="C22" s="3"/>
      <c r="D22" s="157"/>
      <c r="E22" s="131"/>
      <c r="F22" s="131"/>
      <c r="G22" s="131"/>
      <c r="H22" s="131"/>
      <c r="I22" s="131"/>
      <c r="J22" s="131"/>
      <c r="K22" s="131"/>
      <c r="L22" s="156"/>
      <c r="R22" s="159"/>
      <c r="S22" s="159"/>
      <c r="T22" s="156"/>
      <c r="U22" s="131"/>
      <c r="V22" s="131"/>
      <c r="W22" s="131"/>
      <c r="X22" s="131"/>
      <c r="Y22" s="131"/>
      <c r="Z22" s="131"/>
      <c r="AA22" s="131"/>
      <c r="AB22" s="131"/>
      <c r="AC22" s="156"/>
      <c r="AD22" s="132"/>
      <c r="AE22" s="132"/>
      <c r="AF22" s="132"/>
      <c r="AG22" s="132"/>
      <c r="AH22" s="132"/>
      <c r="AI22" s="132"/>
      <c r="AJ22" s="157"/>
      <c r="AK22" s="156"/>
      <c r="AL22" s="131" t="s">
        <v>492</v>
      </c>
      <c r="AM22" s="157"/>
      <c r="AN22" s="156"/>
      <c r="AO22" s="157"/>
      <c r="AP22" s="157"/>
      <c r="AQ22" s="130" t="s">
        <v>630</v>
      </c>
    </row>
    <row r="23" spans="1:43" x14ac:dyDescent="0.25">
      <c r="A23" s="165"/>
      <c r="B23" s="155"/>
      <c r="C23" s="3"/>
      <c r="D23" s="157"/>
      <c r="E23" s="131"/>
      <c r="F23" s="131"/>
      <c r="G23" s="131"/>
      <c r="H23" s="131"/>
      <c r="I23" s="131"/>
      <c r="J23" s="131"/>
      <c r="K23" s="131"/>
      <c r="L23" s="156"/>
      <c r="R23" s="159"/>
      <c r="S23" s="159"/>
      <c r="T23" s="156"/>
      <c r="U23" s="131"/>
      <c r="V23" s="131"/>
      <c r="W23" s="131"/>
      <c r="X23" s="131"/>
      <c r="Y23" s="131"/>
      <c r="Z23" s="131"/>
      <c r="AA23" s="131"/>
      <c r="AB23" s="131"/>
      <c r="AC23" s="156"/>
      <c r="AD23" s="132"/>
      <c r="AE23" s="132"/>
      <c r="AF23" s="132"/>
      <c r="AG23" s="132"/>
      <c r="AH23" s="132"/>
      <c r="AI23" s="132"/>
      <c r="AJ23" s="157"/>
      <c r="AK23" s="156"/>
      <c r="AL23" s="131" t="s">
        <v>572</v>
      </c>
      <c r="AM23" s="157"/>
      <c r="AN23" s="156"/>
      <c r="AO23" s="157"/>
      <c r="AP23" s="157"/>
      <c r="AQ23" s="130" t="s">
        <v>631</v>
      </c>
    </row>
    <row r="24" spans="1:43" ht="285" x14ac:dyDescent="0.25">
      <c r="A24" s="3" t="s">
        <v>633</v>
      </c>
      <c r="B24" s="3" t="s">
        <v>29</v>
      </c>
      <c r="C24" s="3" t="s">
        <v>497</v>
      </c>
      <c r="D24" s="130"/>
      <c r="E24" s="131"/>
      <c r="F24" s="131">
        <v>3</v>
      </c>
      <c r="G24" s="131"/>
      <c r="H24" s="131">
        <v>5</v>
      </c>
      <c r="I24" s="131">
        <v>3</v>
      </c>
      <c r="J24" s="131">
        <v>5</v>
      </c>
      <c r="K24" s="131">
        <v>5</v>
      </c>
      <c r="L24" s="131" t="s">
        <v>440</v>
      </c>
      <c r="M24" s="7">
        <v>3</v>
      </c>
      <c r="N24" s="7">
        <v>5</v>
      </c>
      <c r="O24" s="7">
        <v>3</v>
      </c>
      <c r="P24" s="7">
        <v>5</v>
      </c>
      <c r="Q24" s="7">
        <v>5</v>
      </c>
      <c r="R24" s="11" t="s">
        <v>678</v>
      </c>
      <c r="S24" s="10" t="s">
        <v>198</v>
      </c>
      <c r="T24" s="113"/>
      <c r="U24" s="113"/>
      <c r="V24" s="113"/>
      <c r="W24" s="113"/>
      <c r="X24" s="113"/>
      <c r="Y24" s="113"/>
      <c r="Z24" s="113"/>
      <c r="AA24" s="113"/>
      <c r="AB24" s="113"/>
      <c r="AC24" s="113"/>
      <c r="AD24" s="124"/>
      <c r="AE24" s="124"/>
      <c r="AF24" s="124"/>
      <c r="AG24" s="124"/>
      <c r="AH24" s="124"/>
      <c r="AI24" s="124"/>
      <c r="AJ24" s="113"/>
      <c r="AK24" s="113"/>
      <c r="AL24" s="113"/>
      <c r="AM24" s="113"/>
      <c r="AN24" s="113"/>
      <c r="AO24" s="113"/>
      <c r="AP24" s="113"/>
      <c r="AQ24" s="113"/>
    </row>
    <row r="25" spans="1:43" ht="30" x14ac:dyDescent="0.25">
      <c r="A25" s="155" t="s">
        <v>633</v>
      </c>
      <c r="B25" s="161" t="s">
        <v>33</v>
      </c>
      <c r="C25" s="125" t="s">
        <v>34</v>
      </c>
      <c r="D25" s="157"/>
      <c r="E25" s="131">
        <v>5</v>
      </c>
      <c r="F25" s="131">
        <v>5</v>
      </c>
      <c r="G25" s="131">
        <v>5</v>
      </c>
      <c r="H25" s="131">
        <v>5</v>
      </c>
      <c r="I25" s="131">
        <v>5</v>
      </c>
      <c r="J25" s="131">
        <v>5</v>
      </c>
      <c r="K25" s="131">
        <v>5</v>
      </c>
      <c r="L25" s="156" t="s">
        <v>439</v>
      </c>
      <c r="M25" s="126"/>
      <c r="N25" s="126"/>
      <c r="O25" s="126"/>
      <c r="P25" s="126"/>
      <c r="Q25" s="126"/>
      <c r="R25" s="164"/>
      <c r="S25" s="164" t="s">
        <v>199</v>
      </c>
      <c r="T25" s="156" t="s">
        <v>36</v>
      </c>
      <c r="U25" s="131" t="s">
        <v>34</v>
      </c>
      <c r="V25" s="131">
        <v>5</v>
      </c>
      <c r="W25" s="131">
        <v>5</v>
      </c>
      <c r="X25" s="131">
        <v>5</v>
      </c>
      <c r="Y25" s="131">
        <v>5</v>
      </c>
      <c r="Z25" s="131">
        <v>5</v>
      </c>
      <c r="AA25" s="131">
        <v>5</v>
      </c>
      <c r="AB25" s="131">
        <v>5</v>
      </c>
      <c r="AC25" s="156" t="s">
        <v>618</v>
      </c>
      <c r="AD25" s="132">
        <v>4.5</v>
      </c>
      <c r="AE25" s="132">
        <v>3.75</v>
      </c>
      <c r="AF25" s="132">
        <v>4.25</v>
      </c>
      <c r="AG25" s="132">
        <v>3.75</v>
      </c>
      <c r="AH25" s="132">
        <v>4</v>
      </c>
      <c r="AI25" s="132">
        <v>4.75</v>
      </c>
      <c r="AJ25" s="157" t="s">
        <v>302</v>
      </c>
      <c r="AK25" s="156" t="s">
        <v>36</v>
      </c>
      <c r="AL25" s="131" t="s">
        <v>573</v>
      </c>
      <c r="AM25" s="157"/>
      <c r="AN25" s="156" t="s">
        <v>575</v>
      </c>
      <c r="AO25" s="157" t="s">
        <v>634</v>
      </c>
      <c r="AP25" s="157" t="s">
        <v>61</v>
      </c>
      <c r="AQ25" s="130" t="s">
        <v>573</v>
      </c>
    </row>
    <row r="26" spans="1:43" x14ac:dyDescent="0.25">
      <c r="A26" s="155"/>
      <c r="B26" s="161"/>
      <c r="C26" s="3"/>
      <c r="D26" s="157"/>
      <c r="E26" s="131"/>
      <c r="F26" s="131"/>
      <c r="G26" s="131"/>
      <c r="H26" s="131"/>
      <c r="I26" s="131"/>
      <c r="J26" s="131"/>
      <c r="K26" s="131"/>
      <c r="L26" s="156"/>
      <c r="R26" s="164"/>
      <c r="S26" s="164"/>
      <c r="T26" s="156"/>
      <c r="U26" s="131"/>
      <c r="V26" s="131"/>
      <c r="W26" s="131"/>
      <c r="X26" s="131"/>
      <c r="Y26" s="131"/>
      <c r="Z26" s="131"/>
      <c r="AA26" s="131"/>
      <c r="AB26" s="131"/>
      <c r="AC26" s="156"/>
      <c r="AD26" s="132"/>
      <c r="AE26" s="132"/>
      <c r="AF26" s="132"/>
      <c r="AG26" s="132"/>
      <c r="AH26" s="132"/>
      <c r="AI26" s="132"/>
      <c r="AJ26" s="157"/>
      <c r="AK26" s="156"/>
      <c r="AL26" s="131" t="s">
        <v>574</v>
      </c>
      <c r="AM26" s="157"/>
      <c r="AN26" s="156"/>
      <c r="AO26" s="157"/>
      <c r="AP26" s="157"/>
      <c r="AQ26" s="130" t="s">
        <v>628</v>
      </c>
    </row>
    <row r="27" spans="1:43" x14ac:dyDescent="0.25">
      <c r="A27" s="155"/>
      <c r="B27" s="161"/>
      <c r="C27" s="3"/>
      <c r="D27" s="157"/>
      <c r="E27" s="131"/>
      <c r="F27" s="131"/>
      <c r="G27" s="131"/>
      <c r="H27" s="131"/>
      <c r="I27" s="131"/>
      <c r="J27" s="131"/>
      <c r="K27" s="131"/>
      <c r="L27" s="156"/>
      <c r="R27" s="164"/>
      <c r="S27" s="164"/>
      <c r="T27" s="156"/>
      <c r="U27" s="131"/>
      <c r="V27" s="131"/>
      <c r="W27" s="131"/>
      <c r="X27" s="131"/>
      <c r="Y27" s="131"/>
      <c r="Z27" s="131"/>
      <c r="AA27" s="131"/>
      <c r="AB27" s="131"/>
      <c r="AC27" s="156"/>
      <c r="AD27" s="132"/>
      <c r="AE27" s="132"/>
      <c r="AF27" s="132"/>
      <c r="AG27" s="132"/>
      <c r="AH27" s="132"/>
      <c r="AI27" s="132"/>
      <c r="AJ27" s="157"/>
      <c r="AK27" s="156"/>
      <c r="AL27" s="131" t="s">
        <v>491</v>
      </c>
      <c r="AM27" s="157"/>
      <c r="AN27" s="156"/>
      <c r="AO27" s="157"/>
      <c r="AP27" s="157"/>
      <c r="AQ27" s="130" t="s">
        <v>629</v>
      </c>
    </row>
    <row r="28" spans="1:43" x14ac:dyDescent="0.25">
      <c r="A28" s="155"/>
      <c r="B28" s="161"/>
      <c r="C28" s="3"/>
      <c r="D28" s="157"/>
      <c r="E28" s="131"/>
      <c r="F28" s="131"/>
      <c r="G28" s="131"/>
      <c r="H28" s="131"/>
      <c r="I28" s="131"/>
      <c r="J28" s="131"/>
      <c r="K28" s="131"/>
      <c r="L28" s="156"/>
      <c r="R28" s="164"/>
      <c r="S28" s="164"/>
      <c r="T28" s="156"/>
      <c r="U28" s="131"/>
      <c r="V28" s="131"/>
      <c r="W28" s="131"/>
      <c r="X28" s="131"/>
      <c r="Y28" s="131"/>
      <c r="Z28" s="131"/>
      <c r="AA28" s="131"/>
      <c r="AB28" s="131"/>
      <c r="AC28" s="156"/>
      <c r="AD28" s="132"/>
      <c r="AE28" s="132"/>
      <c r="AF28" s="132"/>
      <c r="AG28" s="132"/>
      <c r="AH28" s="132"/>
      <c r="AI28" s="132"/>
      <c r="AJ28" s="157"/>
      <c r="AK28" s="156"/>
      <c r="AL28" s="131" t="s">
        <v>492</v>
      </c>
      <c r="AM28" s="157"/>
      <c r="AN28" s="156"/>
      <c r="AO28" s="157"/>
      <c r="AP28" s="157"/>
      <c r="AQ28" s="130" t="s">
        <v>630</v>
      </c>
    </row>
    <row r="29" spans="1:43" x14ac:dyDescent="0.25">
      <c r="A29" s="155"/>
      <c r="B29" s="161"/>
      <c r="C29" s="3"/>
      <c r="D29" s="157"/>
      <c r="E29" s="131"/>
      <c r="F29" s="131"/>
      <c r="G29" s="131"/>
      <c r="H29" s="131"/>
      <c r="I29" s="131"/>
      <c r="J29" s="131"/>
      <c r="K29" s="131"/>
      <c r="L29" s="156"/>
      <c r="M29" s="126"/>
      <c r="N29" s="126"/>
      <c r="O29" s="126"/>
      <c r="P29" s="126"/>
      <c r="Q29" s="126"/>
      <c r="R29" s="164"/>
      <c r="S29" s="164"/>
      <c r="T29" s="156"/>
      <c r="U29" s="131"/>
      <c r="V29" s="131"/>
      <c r="W29" s="131"/>
      <c r="X29" s="131"/>
      <c r="Y29" s="131"/>
      <c r="Z29" s="131"/>
      <c r="AA29" s="131"/>
      <c r="AB29" s="131"/>
      <c r="AC29" s="156"/>
      <c r="AD29" s="132"/>
      <c r="AE29" s="132"/>
      <c r="AF29" s="132"/>
      <c r="AG29" s="132"/>
      <c r="AH29" s="132"/>
      <c r="AI29" s="132"/>
      <c r="AJ29" s="157"/>
      <c r="AK29" s="156"/>
      <c r="AL29" s="131" t="s">
        <v>572</v>
      </c>
      <c r="AM29" s="157"/>
      <c r="AN29" s="156"/>
      <c r="AO29" s="157"/>
      <c r="AP29" s="157"/>
      <c r="AQ29" s="130" t="s">
        <v>631</v>
      </c>
    </row>
    <row r="30" spans="1:43" ht="30" x14ac:dyDescent="0.25">
      <c r="A30" s="155" t="s">
        <v>633</v>
      </c>
      <c r="B30" s="155" t="s">
        <v>36</v>
      </c>
      <c r="C30" s="155" t="s">
        <v>552</v>
      </c>
      <c r="D30" s="130"/>
      <c r="E30" s="131"/>
      <c r="F30" s="131">
        <v>5</v>
      </c>
      <c r="G30" s="131"/>
      <c r="H30" s="131">
        <v>5</v>
      </c>
      <c r="I30" s="131">
        <v>5</v>
      </c>
      <c r="J30" s="131">
        <v>5</v>
      </c>
      <c r="K30" s="131">
        <v>5</v>
      </c>
      <c r="L30" s="131"/>
      <c r="M30" s="48">
        <v>5</v>
      </c>
      <c r="N30" s="48">
        <v>5</v>
      </c>
      <c r="O30" s="48">
        <v>5</v>
      </c>
      <c r="P30" s="48">
        <v>5</v>
      </c>
      <c r="Q30" s="48">
        <v>5</v>
      </c>
      <c r="R30" s="159" t="s">
        <v>200</v>
      </c>
      <c r="S30" s="159" t="s">
        <v>201</v>
      </c>
      <c r="T30" s="131" t="s">
        <v>9</v>
      </c>
      <c r="U30" s="131" t="s">
        <v>202</v>
      </c>
      <c r="V30" s="131">
        <v>3</v>
      </c>
      <c r="W30" s="131">
        <v>5</v>
      </c>
      <c r="X30" s="131">
        <v>5</v>
      </c>
      <c r="Y30" s="131">
        <v>5</v>
      </c>
      <c r="Z30" s="131">
        <v>5</v>
      </c>
      <c r="AA30" s="131"/>
      <c r="AB30" s="131">
        <v>5</v>
      </c>
      <c r="AC30" s="156" t="s">
        <v>560</v>
      </c>
      <c r="AD30" s="132">
        <v>3.5</v>
      </c>
      <c r="AE30" s="132">
        <v>3.5</v>
      </c>
      <c r="AF30" s="132">
        <v>2.5</v>
      </c>
      <c r="AG30" s="132">
        <v>4</v>
      </c>
      <c r="AH30" s="132">
        <v>4</v>
      </c>
      <c r="AI30" s="132">
        <v>5</v>
      </c>
      <c r="AJ30" s="157" t="s">
        <v>328</v>
      </c>
      <c r="AK30" s="131" t="s">
        <v>41</v>
      </c>
      <c r="AL30" s="131" t="s">
        <v>202</v>
      </c>
      <c r="AM30" s="157" t="s">
        <v>580</v>
      </c>
      <c r="AN30" s="156" t="s">
        <v>567</v>
      </c>
      <c r="AO30" s="157" t="s">
        <v>633</v>
      </c>
      <c r="AP30" s="157" t="s">
        <v>41</v>
      </c>
      <c r="AQ30" s="130" t="s">
        <v>202</v>
      </c>
    </row>
    <row r="31" spans="1:43" x14ac:dyDescent="0.25">
      <c r="A31" s="155"/>
      <c r="B31" s="155"/>
      <c r="C31" s="155"/>
      <c r="D31" s="130"/>
      <c r="E31" s="131"/>
      <c r="F31" s="131"/>
      <c r="G31" s="131"/>
      <c r="H31" s="131"/>
      <c r="I31" s="131"/>
      <c r="J31" s="131"/>
      <c r="K31" s="131"/>
      <c r="L31" s="131"/>
      <c r="M31" s="7"/>
      <c r="N31" s="7"/>
      <c r="O31" s="7"/>
      <c r="P31" s="7"/>
      <c r="Q31" s="7"/>
      <c r="R31" s="159"/>
      <c r="S31" s="159"/>
      <c r="T31" s="131"/>
      <c r="U31" s="131" t="s">
        <v>465</v>
      </c>
      <c r="V31" s="131"/>
      <c r="W31" s="131"/>
      <c r="X31" s="131"/>
      <c r="Y31" s="131"/>
      <c r="Z31" s="131"/>
      <c r="AA31" s="131"/>
      <c r="AB31" s="131"/>
      <c r="AC31" s="156"/>
      <c r="AD31" s="132">
        <v>4</v>
      </c>
      <c r="AE31" s="132">
        <v>4</v>
      </c>
      <c r="AF31" s="132">
        <v>4.666666666666667</v>
      </c>
      <c r="AG31" s="132">
        <v>4.333333333333333</v>
      </c>
      <c r="AH31" s="132">
        <v>4.666666666666667</v>
      </c>
      <c r="AI31" s="132">
        <v>4.333333333333333</v>
      </c>
      <c r="AJ31" s="157"/>
      <c r="AK31" s="131"/>
      <c r="AL31" s="131" t="s">
        <v>465</v>
      </c>
      <c r="AM31" s="157"/>
      <c r="AN31" s="156"/>
      <c r="AO31" s="157"/>
      <c r="AP31" s="157"/>
      <c r="AQ31" s="130" t="s">
        <v>465</v>
      </c>
    </row>
    <row r="32" spans="1:43" x14ac:dyDescent="0.25">
      <c r="A32" s="155"/>
      <c r="B32" s="155"/>
      <c r="C32" s="155"/>
      <c r="D32" s="130"/>
      <c r="E32" s="131"/>
      <c r="F32" s="131"/>
      <c r="G32" s="131"/>
      <c r="H32" s="131"/>
      <c r="I32" s="131"/>
      <c r="J32" s="131"/>
      <c r="K32" s="131"/>
      <c r="L32" s="131"/>
      <c r="M32" s="7"/>
      <c r="N32" s="7"/>
      <c r="O32" s="7"/>
      <c r="P32" s="7"/>
      <c r="Q32" s="7"/>
      <c r="R32" s="159"/>
      <c r="S32" s="159"/>
      <c r="T32" s="131"/>
      <c r="U32" s="131" t="s">
        <v>466</v>
      </c>
      <c r="V32" s="131"/>
      <c r="W32" s="131"/>
      <c r="X32" s="131"/>
      <c r="Y32" s="131"/>
      <c r="Z32" s="131"/>
      <c r="AA32" s="131"/>
      <c r="AB32" s="131"/>
      <c r="AC32" s="156"/>
      <c r="AD32" s="132">
        <v>4</v>
      </c>
      <c r="AE32" s="132">
        <v>4</v>
      </c>
      <c r="AF32" s="132">
        <v>4.666666666666667</v>
      </c>
      <c r="AG32" s="132">
        <v>4</v>
      </c>
      <c r="AH32" s="132">
        <v>4.333333333333333</v>
      </c>
      <c r="AI32" s="132">
        <v>4.333333333333333</v>
      </c>
      <c r="AJ32" s="157"/>
      <c r="AK32" s="131"/>
      <c r="AL32" s="131" t="s">
        <v>466</v>
      </c>
      <c r="AM32" s="157"/>
      <c r="AN32" s="156"/>
      <c r="AO32" s="157"/>
      <c r="AP32" s="157"/>
      <c r="AQ32" s="130" t="s">
        <v>466</v>
      </c>
    </row>
    <row r="33" spans="1:43" ht="180" x14ac:dyDescent="0.25">
      <c r="A33" s="3" t="s">
        <v>633</v>
      </c>
      <c r="B33" s="3" t="s">
        <v>41</v>
      </c>
      <c r="C33" s="3" t="s">
        <v>43</v>
      </c>
      <c r="D33" s="130"/>
      <c r="E33" s="131"/>
      <c r="F33" s="131">
        <v>5</v>
      </c>
      <c r="G33" s="131"/>
      <c r="H33" s="131">
        <v>5</v>
      </c>
      <c r="I33" s="131">
        <v>5</v>
      </c>
      <c r="J33" s="131">
        <v>5</v>
      </c>
      <c r="K33" s="131">
        <v>5</v>
      </c>
      <c r="L33" s="131" t="s">
        <v>438</v>
      </c>
      <c r="M33" s="7">
        <v>5</v>
      </c>
      <c r="N33" s="7">
        <v>5</v>
      </c>
      <c r="O33" s="7">
        <v>3</v>
      </c>
      <c r="P33" s="7">
        <v>5</v>
      </c>
      <c r="Q33" s="7">
        <v>5</v>
      </c>
      <c r="R33" s="10" t="s">
        <v>203</v>
      </c>
      <c r="S33" s="10" t="s">
        <v>204</v>
      </c>
      <c r="T33" s="113"/>
      <c r="U33" s="113"/>
      <c r="V33" s="113"/>
      <c r="W33" s="113"/>
      <c r="X33" s="113"/>
      <c r="Y33" s="113"/>
      <c r="Z33" s="113"/>
      <c r="AA33" s="113"/>
      <c r="AB33" s="113"/>
      <c r="AC33" s="113"/>
      <c r="AD33" s="123"/>
      <c r="AE33" s="123"/>
      <c r="AF33" s="123"/>
      <c r="AG33" s="123"/>
      <c r="AH33" s="123"/>
      <c r="AI33" s="123"/>
      <c r="AJ33" s="113"/>
      <c r="AK33" s="131" t="s">
        <v>44</v>
      </c>
      <c r="AL33" s="131" t="s">
        <v>43</v>
      </c>
      <c r="AM33" s="130" t="s">
        <v>582</v>
      </c>
      <c r="AN33" s="131"/>
      <c r="AO33" s="130" t="s">
        <v>633</v>
      </c>
      <c r="AP33" s="130" t="s">
        <v>44</v>
      </c>
      <c r="AQ33" s="130" t="s">
        <v>43</v>
      </c>
    </row>
    <row r="34" spans="1:43" ht="105" x14ac:dyDescent="0.25">
      <c r="A34" s="3" t="s">
        <v>633</v>
      </c>
      <c r="B34" s="3" t="s">
        <v>44</v>
      </c>
      <c r="C34" s="3" t="s">
        <v>46</v>
      </c>
      <c r="D34" s="130"/>
      <c r="E34" s="131"/>
      <c r="F34" s="131"/>
      <c r="G34" s="131"/>
      <c r="H34" s="131"/>
      <c r="I34" s="131"/>
      <c r="J34" s="131"/>
      <c r="K34" s="131"/>
      <c r="L34" s="131"/>
      <c r="M34" s="7">
        <v>5</v>
      </c>
      <c r="N34" s="7">
        <v>5</v>
      </c>
      <c r="O34" s="7">
        <v>5</v>
      </c>
      <c r="P34" s="7">
        <v>5</v>
      </c>
      <c r="Q34" s="7">
        <v>5</v>
      </c>
      <c r="R34" s="10" t="s">
        <v>205</v>
      </c>
      <c r="S34" s="10" t="s">
        <v>206</v>
      </c>
      <c r="T34" s="131"/>
      <c r="U34" s="131"/>
      <c r="V34" s="131"/>
      <c r="W34" s="131"/>
      <c r="X34" s="131"/>
      <c r="Y34" s="131"/>
      <c r="Z34" s="131"/>
      <c r="AA34" s="131"/>
      <c r="AB34" s="131"/>
      <c r="AC34" s="131" t="s">
        <v>563</v>
      </c>
      <c r="AD34" s="132"/>
      <c r="AE34" s="132"/>
      <c r="AF34" s="132"/>
      <c r="AG34" s="132"/>
      <c r="AH34" s="132"/>
      <c r="AI34" s="132"/>
      <c r="AJ34" s="130"/>
      <c r="AK34" s="131" t="s">
        <v>56</v>
      </c>
      <c r="AL34" s="131" t="s">
        <v>207</v>
      </c>
      <c r="AM34" s="130" t="s">
        <v>585</v>
      </c>
      <c r="AN34" s="131"/>
      <c r="AO34" s="130" t="s">
        <v>633</v>
      </c>
      <c r="AP34" s="130" t="s">
        <v>48</v>
      </c>
      <c r="AQ34" s="130" t="s">
        <v>207</v>
      </c>
    </row>
    <row r="35" spans="1:43" ht="165" x14ac:dyDescent="0.25">
      <c r="A35" s="3" t="s">
        <v>633</v>
      </c>
      <c r="B35" s="3" t="s">
        <v>48</v>
      </c>
      <c r="C35" s="3" t="s">
        <v>50</v>
      </c>
      <c r="D35" s="130"/>
      <c r="E35" s="131"/>
      <c r="F35" s="131"/>
      <c r="G35" s="131"/>
      <c r="H35" s="131"/>
      <c r="I35" s="131"/>
      <c r="J35" s="131"/>
      <c r="K35" s="131"/>
      <c r="L35" s="131"/>
      <c r="M35" s="7" t="s">
        <v>191</v>
      </c>
      <c r="N35" s="7" t="s">
        <v>191</v>
      </c>
      <c r="O35" s="7" t="s">
        <v>191</v>
      </c>
      <c r="P35" s="7" t="s">
        <v>191</v>
      </c>
      <c r="Q35" s="7" t="s">
        <v>191</v>
      </c>
      <c r="R35" s="10" t="s">
        <v>208</v>
      </c>
      <c r="S35" s="10" t="s">
        <v>209</v>
      </c>
      <c r="T35" s="113"/>
      <c r="U35" s="113"/>
      <c r="V35" s="113"/>
      <c r="W35" s="113"/>
      <c r="X35" s="113"/>
      <c r="Y35" s="113"/>
      <c r="Z35" s="113"/>
      <c r="AA35" s="113"/>
      <c r="AB35" s="113"/>
      <c r="AC35" s="113"/>
      <c r="AD35" s="113"/>
      <c r="AE35" s="113"/>
      <c r="AF35" s="113"/>
      <c r="AG35" s="113"/>
      <c r="AH35" s="113"/>
      <c r="AI35" s="113"/>
      <c r="AJ35" s="113"/>
      <c r="AK35" s="131" t="s">
        <v>61</v>
      </c>
      <c r="AL35" s="131" t="s">
        <v>50</v>
      </c>
      <c r="AM35" s="130" t="s">
        <v>586</v>
      </c>
      <c r="AN35" s="131"/>
      <c r="AO35" s="130" t="s">
        <v>633</v>
      </c>
      <c r="AP35" s="130" t="s">
        <v>51</v>
      </c>
      <c r="AQ35" s="130" t="s">
        <v>50</v>
      </c>
    </row>
    <row r="36" spans="1:43" ht="105" x14ac:dyDescent="0.25">
      <c r="A36" s="3" t="s">
        <v>633</v>
      </c>
      <c r="B36" s="3" t="s">
        <v>51</v>
      </c>
      <c r="C36" s="3" t="s">
        <v>52</v>
      </c>
      <c r="D36" s="130"/>
      <c r="E36" s="131"/>
      <c r="F36" s="131"/>
      <c r="G36" s="131"/>
      <c r="H36" s="131"/>
      <c r="I36" s="131"/>
      <c r="J36" s="131"/>
      <c r="K36" s="131"/>
      <c r="L36" s="131"/>
      <c r="M36" s="7"/>
      <c r="N36" s="7"/>
      <c r="O36" s="7"/>
      <c r="P36" s="7"/>
      <c r="Q36" s="7"/>
      <c r="R36" s="10"/>
      <c r="S36" s="10"/>
      <c r="T36" s="131" t="s">
        <v>56</v>
      </c>
      <c r="U36" s="131" t="s">
        <v>52</v>
      </c>
      <c r="V36" s="131"/>
      <c r="W36" s="131"/>
      <c r="X36" s="131"/>
      <c r="Y36" s="131">
        <v>5</v>
      </c>
      <c r="Z36" s="131">
        <v>5</v>
      </c>
      <c r="AA36" s="131">
        <v>5</v>
      </c>
      <c r="AB36" s="131">
        <v>5</v>
      </c>
      <c r="AC36" s="131" t="s">
        <v>553</v>
      </c>
      <c r="AD36" s="132">
        <v>3.75</v>
      </c>
      <c r="AE36" s="132">
        <v>3.5</v>
      </c>
      <c r="AF36" s="132">
        <v>4.25</v>
      </c>
      <c r="AG36" s="132">
        <v>3.5</v>
      </c>
      <c r="AH36" s="132">
        <v>3.75</v>
      </c>
      <c r="AI36" s="132">
        <v>4.75</v>
      </c>
      <c r="AJ36" s="130" t="s">
        <v>303</v>
      </c>
      <c r="AK36" s="113"/>
      <c r="AL36" s="113"/>
      <c r="AM36" s="113"/>
      <c r="AN36" s="113"/>
      <c r="AO36" s="113"/>
      <c r="AP36" s="113"/>
      <c r="AQ36" s="113"/>
    </row>
    <row r="37" spans="1:43" ht="375" x14ac:dyDescent="0.25">
      <c r="A37" s="55" t="s">
        <v>634</v>
      </c>
      <c r="B37" s="3" t="s">
        <v>56</v>
      </c>
      <c r="C37" s="3" t="s">
        <v>58</v>
      </c>
      <c r="D37" s="130"/>
      <c r="E37" s="131"/>
      <c r="F37" s="131">
        <v>1</v>
      </c>
      <c r="G37" s="131"/>
      <c r="H37" s="131">
        <v>5</v>
      </c>
      <c r="I37" s="131">
        <v>1</v>
      </c>
      <c r="J37" s="131">
        <v>5</v>
      </c>
      <c r="K37" s="131">
        <v>1</v>
      </c>
      <c r="L37" s="131" t="s">
        <v>437</v>
      </c>
      <c r="M37" s="7">
        <v>1</v>
      </c>
      <c r="N37" s="7">
        <v>5</v>
      </c>
      <c r="O37" s="7">
        <v>1</v>
      </c>
      <c r="P37" s="7">
        <v>5</v>
      </c>
      <c r="Q37" s="7">
        <v>1</v>
      </c>
      <c r="R37" s="10" t="s">
        <v>679</v>
      </c>
      <c r="S37" s="10" t="s">
        <v>210</v>
      </c>
      <c r="T37" s="113"/>
      <c r="U37" s="113"/>
      <c r="V37" s="113"/>
      <c r="W37" s="113"/>
      <c r="X37" s="113"/>
      <c r="Y37" s="113"/>
      <c r="Z37" s="113"/>
      <c r="AA37" s="113"/>
      <c r="AB37" s="113"/>
      <c r="AC37" s="113" t="s">
        <v>191</v>
      </c>
      <c r="AD37" s="124"/>
      <c r="AE37" s="124"/>
      <c r="AF37" s="124"/>
      <c r="AG37" s="124"/>
      <c r="AH37" s="124"/>
      <c r="AI37" s="124"/>
      <c r="AJ37" s="113"/>
      <c r="AK37" s="113"/>
      <c r="AL37" s="113"/>
      <c r="AM37" s="113"/>
      <c r="AN37" s="113"/>
      <c r="AO37" s="113"/>
      <c r="AP37" s="113"/>
      <c r="AQ37" s="113"/>
    </row>
    <row r="38" spans="1:43" ht="409.5" x14ac:dyDescent="0.25">
      <c r="A38" s="55" t="s">
        <v>634</v>
      </c>
      <c r="B38" s="3" t="s">
        <v>61</v>
      </c>
      <c r="C38" s="3" t="s">
        <v>62</v>
      </c>
      <c r="D38" s="130"/>
      <c r="E38" s="131"/>
      <c r="F38" s="131">
        <v>2</v>
      </c>
      <c r="G38" s="131"/>
      <c r="H38" s="131">
        <v>3</v>
      </c>
      <c r="I38" s="131">
        <v>3</v>
      </c>
      <c r="J38" s="131"/>
      <c r="K38" s="131">
        <v>3</v>
      </c>
      <c r="L38" s="131" t="s">
        <v>436</v>
      </c>
      <c r="M38" s="7">
        <v>2</v>
      </c>
      <c r="N38" s="7">
        <v>3</v>
      </c>
      <c r="O38" s="7">
        <v>3</v>
      </c>
      <c r="P38" s="7" t="s">
        <v>191</v>
      </c>
      <c r="Q38" s="7">
        <v>3</v>
      </c>
      <c r="R38" s="10" t="s">
        <v>211</v>
      </c>
      <c r="S38" s="10" t="s">
        <v>212</v>
      </c>
      <c r="T38" s="131" t="s">
        <v>41</v>
      </c>
      <c r="U38" s="131" t="s">
        <v>315</v>
      </c>
      <c r="V38" s="131">
        <v>5</v>
      </c>
      <c r="W38" s="131">
        <v>3</v>
      </c>
      <c r="X38" s="131">
        <v>5</v>
      </c>
      <c r="Y38" s="131">
        <v>5</v>
      </c>
      <c r="Z38" s="131">
        <v>5</v>
      </c>
      <c r="AA38" s="131"/>
      <c r="AB38" s="131"/>
      <c r="AC38" s="131" t="s">
        <v>554</v>
      </c>
      <c r="AD38" s="132">
        <v>4</v>
      </c>
      <c r="AE38" s="132">
        <v>3.25</v>
      </c>
      <c r="AF38" s="132">
        <v>4</v>
      </c>
      <c r="AG38" s="132">
        <v>3</v>
      </c>
      <c r="AH38" s="132">
        <v>3.75</v>
      </c>
      <c r="AI38" s="132">
        <v>4.5</v>
      </c>
      <c r="AJ38" s="130" t="s">
        <v>316</v>
      </c>
      <c r="AK38" s="113"/>
      <c r="AL38" s="113"/>
      <c r="AM38" s="113"/>
      <c r="AN38" s="113"/>
      <c r="AO38" s="113"/>
      <c r="AP38" s="113"/>
      <c r="AQ38" s="113"/>
    </row>
    <row r="39" spans="1:43" ht="105" x14ac:dyDescent="0.25">
      <c r="A39" s="55" t="s">
        <v>634</v>
      </c>
      <c r="B39" s="3" t="s">
        <v>64</v>
      </c>
      <c r="C39" s="3" t="s">
        <v>65</v>
      </c>
      <c r="D39" s="130"/>
      <c r="E39" s="131">
        <v>5</v>
      </c>
      <c r="F39" s="131">
        <v>5</v>
      </c>
      <c r="G39" s="131">
        <v>5</v>
      </c>
      <c r="H39" s="131">
        <v>3</v>
      </c>
      <c r="I39" s="131">
        <v>3</v>
      </c>
      <c r="J39" s="131">
        <v>5</v>
      </c>
      <c r="K39" s="131">
        <v>5</v>
      </c>
      <c r="L39" s="131" t="s">
        <v>435</v>
      </c>
      <c r="M39" s="7"/>
      <c r="N39" s="7"/>
      <c r="O39" s="7"/>
      <c r="P39" s="7"/>
      <c r="Q39" s="7"/>
      <c r="R39" s="10"/>
      <c r="S39" s="10" t="s">
        <v>213</v>
      </c>
      <c r="T39" s="113"/>
      <c r="U39" s="113"/>
      <c r="V39" s="113"/>
      <c r="W39" s="113"/>
      <c r="X39" s="113"/>
      <c r="Y39" s="113"/>
      <c r="Z39" s="113"/>
      <c r="AA39" s="113"/>
      <c r="AB39" s="113"/>
      <c r="AC39" s="113"/>
      <c r="AD39" s="124"/>
      <c r="AE39" s="124"/>
      <c r="AF39" s="124"/>
      <c r="AG39" s="124"/>
      <c r="AH39" s="124"/>
      <c r="AI39" s="124"/>
      <c r="AJ39" s="113"/>
      <c r="AK39" s="113"/>
      <c r="AL39" s="113"/>
      <c r="AM39" s="113"/>
      <c r="AN39" s="113"/>
      <c r="AO39" s="113"/>
      <c r="AP39" s="113"/>
      <c r="AQ39" s="113"/>
    </row>
    <row r="40" spans="1:43" ht="90" x14ac:dyDescent="0.25">
      <c r="A40" s="55" t="s">
        <v>634</v>
      </c>
      <c r="B40" s="3" t="s">
        <v>67</v>
      </c>
      <c r="C40" s="3" t="s">
        <v>642</v>
      </c>
      <c r="D40" s="130"/>
      <c r="E40" s="131">
        <v>5</v>
      </c>
      <c r="F40" s="131">
        <v>3</v>
      </c>
      <c r="G40" s="131">
        <v>3</v>
      </c>
      <c r="H40" s="131"/>
      <c r="I40" s="131">
        <v>1</v>
      </c>
      <c r="J40" s="131"/>
      <c r="K40" s="131"/>
      <c r="L40" s="131" t="s">
        <v>434</v>
      </c>
      <c r="M40" s="7" t="s">
        <v>191</v>
      </c>
      <c r="N40" s="7" t="s">
        <v>191</v>
      </c>
      <c r="O40" s="7">
        <v>1</v>
      </c>
      <c r="P40" s="7" t="s">
        <v>191</v>
      </c>
      <c r="Q40" s="7" t="s">
        <v>191</v>
      </c>
      <c r="R40" s="10" t="s">
        <v>225</v>
      </c>
      <c r="S40" s="10" t="s">
        <v>226</v>
      </c>
      <c r="T40" s="113"/>
      <c r="U40" s="113"/>
      <c r="V40" s="113"/>
      <c r="W40" s="113"/>
      <c r="X40" s="113"/>
      <c r="Y40" s="113"/>
      <c r="Z40" s="113"/>
      <c r="AA40" s="113"/>
      <c r="AB40" s="113"/>
      <c r="AC40" s="113"/>
      <c r="AD40" s="113"/>
      <c r="AE40" s="113"/>
      <c r="AF40" s="113"/>
      <c r="AG40" s="113"/>
      <c r="AH40" s="113"/>
      <c r="AI40" s="113"/>
      <c r="AJ40" s="113"/>
      <c r="AK40" s="131" t="s">
        <v>80</v>
      </c>
      <c r="AL40" s="131" t="s">
        <v>642</v>
      </c>
      <c r="AM40" s="130" t="s">
        <v>587</v>
      </c>
      <c r="AN40" s="131" t="s">
        <v>607</v>
      </c>
      <c r="AO40" s="130" t="s">
        <v>634</v>
      </c>
      <c r="AP40" s="130" t="s">
        <v>508</v>
      </c>
      <c r="AQ40" s="130" t="s">
        <v>642</v>
      </c>
    </row>
    <row r="41" spans="1:43" ht="195" x14ac:dyDescent="0.25">
      <c r="A41" s="55" t="s">
        <v>634</v>
      </c>
      <c r="B41" s="3" t="s">
        <v>71</v>
      </c>
      <c r="C41" s="3" t="s">
        <v>72</v>
      </c>
      <c r="D41" s="130"/>
      <c r="E41" s="131">
        <v>5</v>
      </c>
      <c r="F41" s="131">
        <v>3</v>
      </c>
      <c r="G41" s="131">
        <v>5</v>
      </c>
      <c r="H41" s="131"/>
      <c r="I41" s="131">
        <v>3</v>
      </c>
      <c r="J41" s="131"/>
      <c r="K41" s="131"/>
      <c r="L41" s="131" t="s">
        <v>433</v>
      </c>
      <c r="M41" s="7" t="s">
        <v>191</v>
      </c>
      <c r="N41" s="7" t="s">
        <v>191</v>
      </c>
      <c r="O41" s="7" t="s">
        <v>191</v>
      </c>
      <c r="P41" s="7" t="s">
        <v>191</v>
      </c>
      <c r="Q41" s="7">
        <v>3</v>
      </c>
      <c r="R41" s="10" t="s">
        <v>227</v>
      </c>
      <c r="S41" s="10" t="s">
        <v>228</v>
      </c>
      <c r="T41" s="113"/>
      <c r="U41" s="113"/>
      <c r="V41" s="113"/>
      <c r="W41" s="113"/>
      <c r="X41" s="113"/>
      <c r="Y41" s="113"/>
      <c r="Z41" s="113"/>
      <c r="AA41" s="113"/>
      <c r="AB41" s="113"/>
      <c r="AC41" s="113"/>
      <c r="AD41" s="124"/>
      <c r="AE41" s="124"/>
      <c r="AF41" s="124"/>
      <c r="AG41" s="124"/>
      <c r="AH41" s="124"/>
      <c r="AI41" s="124"/>
      <c r="AJ41" s="113"/>
      <c r="AK41" s="113"/>
      <c r="AL41" s="113"/>
      <c r="AM41" s="113"/>
      <c r="AN41" s="113"/>
      <c r="AO41" s="113"/>
      <c r="AP41" s="113"/>
      <c r="AQ41" s="113"/>
    </row>
    <row r="42" spans="1:43" ht="165" x14ac:dyDescent="0.25">
      <c r="A42" s="55" t="s">
        <v>634</v>
      </c>
      <c r="B42" s="3" t="s">
        <v>74</v>
      </c>
      <c r="C42" s="3" t="s">
        <v>408</v>
      </c>
      <c r="D42" s="130"/>
      <c r="E42" s="131"/>
      <c r="F42" s="131">
        <v>3</v>
      </c>
      <c r="G42" s="131"/>
      <c r="H42" s="131">
        <v>5</v>
      </c>
      <c r="I42" s="131">
        <v>5</v>
      </c>
      <c r="J42" s="131">
        <v>5</v>
      </c>
      <c r="K42" s="131">
        <v>5</v>
      </c>
      <c r="L42" s="131" t="s">
        <v>432</v>
      </c>
      <c r="M42" s="7">
        <v>3</v>
      </c>
      <c r="N42" s="7">
        <v>5</v>
      </c>
      <c r="O42" s="7">
        <v>5</v>
      </c>
      <c r="P42" s="7">
        <v>5</v>
      </c>
      <c r="Q42" s="7">
        <v>5</v>
      </c>
      <c r="R42" s="10" t="s">
        <v>229</v>
      </c>
      <c r="S42" s="10" t="s">
        <v>230</v>
      </c>
      <c r="T42" s="131" t="s">
        <v>51</v>
      </c>
      <c r="U42" s="131" t="s">
        <v>408</v>
      </c>
      <c r="V42" s="131"/>
      <c r="W42" s="131">
        <v>3</v>
      </c>
      <c r="X42" s="131"/>
      <c r="Y42" s="131">
        <v>5</v>
      </c>
      <c r="Z42" s="131">
        <v>5</v>
      </c>
      <c r="AA42" s="131">
        <v>5</v>
      </c>
      <c r="AB42" s="131">
        <v>5</v>
      </c>
      <c r="AC42" s="131" t="s">
        <v>617</v>
      </c>
      <c r="AD42" s="132">
        <v>3.3333333333333335</v>
      </c>
      <c r="AE42" s="132">
        <v>2.6666666666666665</v>
      </c>
      <c r="AF42" s="132">
        <v>4.333333333333333</v>
      </c>
      <c r="AG42" s="132">
        <v>3</v>
      </c>
      <c r="AH42" s="132">
        <v>3</v>
      </c>
      <c r="AI42" s="132">
        <v>4.666666666666667</v>
      </c>
      <c r="AJ42" s="130" t="s">
        <v>305</v>
      </c>
      <c r="AK42" s="131" t="s">
        <v>508</v>
      </c>
      <c r="AL42" s="131" t="s">
        <v>408</v>
      </c>
      <c r="AM42" s="130"/>
      <c r="AN42" s="131" t="s">
        <v>605</v>
      </c>
      <c r="AO42" s="130" t="s">
        <v>634</v>
      </c>
      <c r="AP42" s="130" t="s">
        <v>515</v>
      </c>
      <c r="AQ42" s="130" t="s">
        <v>643</v>
      </c>
    </row>
    <row r="43" spans="1:43" ht="60" x14ac:dyDescent="0.25">
      <c r="A43" s="113"/>
      <c r="B43" s="113"/>
      <c r="C43" s="113"/>
      <c r="D43" s="113"/>
      <c r="E43" s="113"/>
      <c r="F43" s="113"/>
      <c r="G43" s="113"/>
      <c r="H43" s="113"/>
      <c r="I43" s="113"/>
      <c r="J43" s="113"/>
      <c r="K43" s="113"/>
      <c r="L43" s="113"/>
      <c r="M43" s="127"/>
      <c r="N43" s="127"/>
      <c r="O43" s="127"/>
      <c r="P43" s="127"/>
      <c r="Q43" s="127"/>
      <c r="R43" s="128"/>
      <c r="S43" s="128"/>
      <c r="T43" s="113"/>
      <c r="U43" s="113"/>
      <c r="V43" s="113"/>
      <c r="W43" s="113"/>
      <c r="X43" s="113"/>
      <c r="Y43" s="113"/>
      <c r="Z43" s="113"/>
      <c r="AA43" s="113"/>
      <c r="AB43" s="113"/>
      <c r="AC43" s="113"/>
      <c r="AD43" s="123"/>
      <c r="AE43" s="123"/>
      <c r="AF43" s="123"/>
      <c r="AG43" s="123"/>
      <c r="AH43" s="123"/>
      <c r="AI43" s="123"/>
      <c r="AJ43" s="113"/>
      <c r="AK43" s="131" t="s">
        <v>64</v>
      </c>
      <c r="AL43" s="131" t="s">
        <v>496</v>
      </c>
      <c r="AM43" s="130" t="s">
        <v>601</v>
      </c>
      <c r="AN43" s="131"/>
      <c r="AO43" s="130" t="s">
        <v>633</v>
      </c>
      <c r="AP43" s="130" t="s">
        <v>56</v>
      </c>
      <c r="AQ43" s="130" t="s">
        <v>496</v>
      </c>
    </row>
    <row r="44" spans="1:43" ht="30" x14ac:dyDescent="0.25">
      <c r="A44" s="113"/>
      <c r="B44" s="113"/>
      <c r="C44" s="113"/>
      <c r="D44" s="113"/>
      <c r="E44" s="113"/>
      <c r="F44" s="113"/>
      <c r="G44" s="113"/>
      <c r="H44" s="113"/>
      <c r="I44" s="113"/>
      <c r="J44" s="113"/>
      <c r="K44" s="113"/>
      <c r="L44" s="113"/>
      <c r="M44" s="127"/>
      <c r="N44" s="127"/>
      <c r="O44" s="127"/>
      <c r="P44" s="127"/>
      <c r="Q44" s="127"/>
      <c r="R44" s="128"/>
      <c r="S44" s="128"/>
      <c r="T44" s="156" t="s">
        <v>64</v>
      </c>
      <c r="U44" s="156" t="s">
        <v>330</v>
      </c>
      <c r="V44" s="131"/>
      <c r="W44" s="131">
        <v>5</v>
      </c>
      <c r="X44" s="131"/>
      <c r="Y44" s="131">
        <v>5</v>
      </c>
      <c r="Z44" s="131">
        <v>5</v>
      </c>
      <c r="AA44" s="131">
        <v>5</v>
      </c>
      <c r="AB44" s="131">
        <v>5</v>
      </c>
      <c r="AC44" s="156" t="s">
        <v>555</v>
      </c>
      <c r="AD44" s="132">
        <v>4.5</v>
      </c>
      <c r="AE44" s="132">
        <v>4.25</v>
      </c>
      <c r="AF44" s="132">
        <v>4.5</v>
      </c>
      <c r="AG44" s="132">
        <v>4.5</v>
      </c>
      <c r="AH44" s="132">
        <v>4</v>
      </c>
      <c r="AI44" s="132">
        <v>4.25</v>
      </c>
      <c r="AJ44" s="157" t="s">
        <v>331</v>
      </c>
      <c r="AK44" s="131" t="s">
        <v>48</v>
      </c>
      <c r="AL44" s="131" t="s">
        <v>493</v>
      </c>
      <c r="AM44" s="130"/>
      <c r="AN44" s="131"/>
      <c r="AO44" s="157" t="s">
        <v>633</v>
      </c>
      <c r="AP44" s="157" t="s">
        <v>36</v>
      </c>
      <c r="AQ44" s="157" t="s">
        <v>632</v>
      </c>
    </row>
    <row r="45" spans="1:43" ht="150" x14ac:dyDescent="0.25">
      <c r="A45" s="125"/>
      <c r="B45" s="125"/>
      <c r="C45" s="125"/>
      <c r="D45" s="130"/>
      <c r="E45" s="131"/>
      <c r="F45" s="131"/>
      <c r="G45" s="131"/>
      <c r="H45" s="131"/>
      <c r="I45" s="131"/>
      <c r="J45" s="131"/>
      <c r="K45" s="131"/>
      <c r="L45" s="131"/>
      <c r="R45" s="129"/>
      <c r="S45" s="129"/>
      <c r="T45" s="156"/>
      <c r="U45" s="156"/>
      <c r="V45" s="131"/>
      <c r="W45" s="131"/>
      <c r="X45" s="131"/>
      <c r="Y45" s="131"/>
      <c r="Z45" s="131"/>
      <c r="AA45" s="131"/>
      <c r="AB45" s="131"/>
      <c r="AC45" s="156"/>
      <c r="AD45" s="132"/>
      <c r="AE45" s="132"/>
      <c r="AF45" s="132"/>
      <c r="AG45" s="132"/>
      <c r="AH45" s="132"/>
      <c r="AI45" s="132"/>
      <c r="AJ45" s="157"/>
      <c r="AK45" s="131" t="s">
        <v>51</v>
      </c>
      <c r="AL45" s="131" t="s">
        <v>494</v>
      </c>
      <c r="AM45" s="130" t="s">
        <v>583</v>
      </c>
      <c r="AN45" s="131"/>
      <c r="AO45" s="157"/>
      <c r="AP45" s="157"/>
      <c r="AQ45" s="157"/>
    </row>
    <row r="46" spans="1:43" ht="165" x14ac:dyDescent="0.25">
      <c r="A46" s="55" t="s">
        <v>634</v>
      </c>
      <c r="B46" s="3" t="s">
        <v>78</v>
      </c>
      <c r="C46" s="3" t="s">
        <v>79</v>
      </c>
      <c r="D46" s="130"/>
      <c r="E46" s="131"/>
      <c r="F46" s="131"/>
      <c r="G46" s="131"/>
      <c r="H46" s="131"/>
      <c r="I46" s="131"/>
      <c r="J46" s="131"/>
      <c r="K46" s="131"/>
      <c r="L46" s="131" t="s">
        <v>431</v>
      </c>
      <c r="M46" s="7">
        <v>4</v>
      </c>
      <c r="N46" s="7">
        <v>5</v>
      </c>
      <c r="O46" s="7">
        <v>5</v>
      </c>
      <c r="P46" s="7">
        <v>3</v>
      </c>
      <c r="Q46" s="7">
        <v>5</v>
      </c>
      <c r="R46" s="10" t="s">
        <v>231</v>
      </c>
      <c r="S46" s="10" t="s">
        <v>691</v>
      </c>
      <c r="T46" s="131" t="s">
        <v>67</v>
      </c>
      <c r="U46" s="131" t="s">
        <v>307</v>
      </c>
      <c r="V46" s="131"/>
      <c r="W46" s="131"/>
      <c r="X46" s="131"/>
      <c r="Y46" s="131">
        <v>5</v>
      </c>
      <c r="Z46" s="131"/>
      <c r="AA46" s="131"/>
      <c r="AB46" s="131"/>
      <c r="AC46" s="131" t="s">
        <v>619</v>
      </c>
      <c r="AD46" s="132">
        <v>4.5</v>
      </c>
      <c r="AE46" s="132">
        <v>4.25</v>
      </c>
      <c r="AF46" s="132">
        <v>4.25</v>
      </c>
      <c r="AG46" s="132">
        <v>4.5</v>
      </c>
      <c r="AH46" s="132">
        <v>4.5</v>
      </c>
      <c r="AI46" s="132">
        <v>4.25</v>
      </c>
      <c r="AJ46" s="130" t="s">
        <v>308</v>
      </c>
      <c r="AK46" s="113"/>
      <c r="AL46" s="113"/>
      <c r="AM46" s="113"/>
      <c r="AN46" s="113"/>
      <c r="AO46" s="113"/>
      <c r="AP46" s="113"/>
      <c r="AQ46" s="113"/>
    </row>
    <row r="47" spans="1:43" ht="30" x14ac:dyDescent="0.25">
      <c r="A47" s="154" t="s">
        <v>634</v>
      </c>
      <c r="B47" s="155" t="s">
        <v>80</v>
      </c>
      <c r="C47" s="155" t="s">
        <v>81</v>
      </c>
      <c r="D47" s="130"/>
      <c r="E47" s="131"/>
      <c r="F47" s="131"/>
      <c r="G47" s="131"/>
      <c r="H47" s="131"/>
      <c r="I47" s="131"/>
      <c r="J47" s="131"/>
      <c r="K47" s="131"/>
      <c r="L47" s="156" t="s">
        <v>431</v>
      </c>
      <c r="M47" s="7">
        <v>4</v>
      </c>
      <c r="N47" s="7">
        <v>5</v>
      </c>
      <c r="O47" s="7">
        <v>5</v>
      </c>
      <c r="P47" s="7">
        <v>3</v>
      </c>
      <c r="Q47" s="7">
        <v>5</v>
      </c>
      <c r="R47" s="159" t="s">
        <v>232</v>
      </c>
      <c r="S47" s="159" t="s">
        <v>232</v>
      </c>
      <c r="T47" s="156" t="s">
        <v>71</v>
      </c>
      <c r="U47" s="131" t="s">
        <v>233</v>
      </c>
      <c r="V47" s="131"/>
      <c r="W47" s="131"/>
      <c r="X47" s="131"/>
      <c r="Y47" s="131">
        <v>5</v>
      </c>
      <c r="Z47" s="131"/>
      <c r="AA47" s="131"/>
      <c r="AB47" s="131">
        <v>5</v>
      </c>
      <c r="AC47" s="156" t="s">
        <v>564</v>
      </c>
      <c r="AD47" s="132"/>
      <c r="AE47" s="132"/>
      <c r="AF47" s="132"/>
      <c r="AG47" s="132"/>
      <c r="AH47" s="132"/>
      <c r="AI47" s="132"/>
      <c r="AJ47" s="157" t="s">
        <v>335</v>
      </c>
      <c r="AK47" s="156" t="s">
        <v>515</v>
      </c>
      <c r="AL47" s="131" t="s">
        <v>233</v>
      </c>
      <c r="AM47" s="157" t="s">
        <v>593</v>
      </c>
      <c r="AN47" s="156" t="s">
        <v>606</v>
      </c>
      <c r="AO47" s="157" t="s">
        <v>634</v>
      </c>
      <c r="AP47" s="157" t="s">
        <v>518</v>
      </c>
      <c r="AQ47" s="130" t="s">
        <v>233</v>
      </c>
    </row>
    <row r="48" spans="1:43" x14ac:dyDescent="0.25">
      <c r="A48" s="154"/>
      <c r="B48" s="155"/>
      <c r="C48" s="155"/>
      <c r="D48" s="130"/>
      <c r="E48" s="131"/>
      <c r="F48" s="131"/>
      <c r="G48" s="131"/>
      <c r="H48" s="131"/>
      <c r="I48" s="131"/>
      <c r="J48" s="131"/>
      <c r="K48" s="131"/>
      <c r="L48" s="156"/>
      <c r="R48" s="159"/>
      <c r="S48" s="159"/>
      <c r="T48" s="156"/>
      <c r="U48" s="131" t="s">
        <v>234</v>
      </c>
      <c r="V48" s="131"/>
      <c r="W48" s="131"/>
      <c r="X48" s="131"/>
      <c r="Y48" s="131"/>
      <c r="Z48" s="131"/>
      <c r="AA48" s="131"/>
      <c r="AB48" s="131"/>
      <c r="AC48" s="156"/>
      <c r="AD48" s="132">
        <v>4</v>
      </c>
      <c r="AE48" s="132">
        <v>4.25</v>
      </c>
      <c r="AF48" s="132">
        <v>4.25</v>
      </c>
      <c r="AG48" s="132">
        <v>4</v>
      </c>
      <c r="AH48" s="132">
        <v>4.25</v>
      </c>
      <c r="AI48" s="132">
        <v>4.5</v>
      </c>
      <c r="AJ48" s="157"/>
      <c r="AK48" s="156"/>
      <c r="AL48" s="131" t="s">
        <v>234</v>
      </c>
      <c r="AM48" s="157"/>
      <c r="AN48" s="156"/>
      <c r="AO48" s="157"/>
      <c r="AP48" s="157"/>
      <c r="AQ48" s="130" t="s">
        <v>234</v>
      </c>
    </row>
    <row r="49" spans="1:43" x14ac:dyDescent="0.25">
      <c r="A49" s="154"/>
      <c r="B49" s="155"/>
      <c r="C49" s="155"/>
      <c r="D49" s="130"/>
      <c r="E49" s="131"/>
      <c r="F49" s="131"/>
      <c r="G49" s="131"/>
      <c r="H49" s="131"/>
      <c r="I49" s="131"/>
      <c r="J49" s="131"/>
      <c r="K49" s="131"/>
      <c r="L49" s="156"/>
      <c r="R49" s="159"/>
      <c r="S49" s="159"/>
      <c r="T49" s="156"/>
      <c r="U49" s="131" t="s">
        <v>235</v>
      </c>
      <c r="V49" s="131"/>
      <c r="W49" s="131"/>
      <c r="X49" s="131"/>
      <c r="Y49" s="131"/>
      <c r="Z49" s="131"/>
      <c r="AA49" s="131"/>
      <c r="AB49" s="131"/>
      <c r="AC49" s="156"/>
      <c r="AD49" s="132">
        <v>4</v>
      </c>
      <c r="AE49" s="132">
        <v>4</v>
      </c>
      <c r="AF49" s="132">
        <v>4</v>
      </c>
      <c r="AG49" s="132">
        <v>4</v>
      </c>
      <c r="AH49" s="132">
        <v>4.25</v>
      </c>
      <c r="AI49" s="132">
        <v>4.5</v>
      </c>
      <c r="AJ49" s="157"/>
      <c r="AK49" s="156"/>
      <c r="AL49" s="131" t="s">
        <v>235</v>
      </c>
      <c r="AM49" s="157"/>
      <c r="AN49" s="156"/>
      <c r="AO49" s="157"/>
      <c r="AP49" s="157"/>
      <c r="AQ49" s="130" t="s">
        <v>235</v>
      </c>
    </row>
    <row r="50" spans="1:43" x14ac:dyDescent="0.25">
      <c r="A50" s="154"/>
      <c r="B50" s="155"/>
      <c r="C50" s="155"/>
      <c r="D50" s="130"/>
      <c r="E50" s="131"/>
      <c r="F50" s="131"/>
      <c r="G50" s="131"/>
      <c r="H50" s="131"/>
      <c r="I50" s="131"/>
      <c r="J50" s="131"/>
      <c r="K50" s="131"/>
      <c r="L50" s="156"/>
      <c r="R50" s="159"/>
      <c r="S50" s="159"/>
      <c r="T50" s="156"/>
      <c r="U50" s="131" t="s">
        <v>236</v>
      </c>
      <c r="V50" s="131"/>
      <c r="W50" s="131"/>
      <c r="X50" s="131"/>
      <c r="Y50" s="131"/>
      <c r="Z50" s="131"/>
      <c r="AA50" s="131"/>
      <c r="AB50" s="131"/>
      <c r="AC50" s="156"/>
      <c r="AD50" s="132">
        <v>4</v>
      </c>
      <c r="AE50" s="132">
        <v>4</v>
      </c>
      <c r="AF50" s="132">
        <v>4</v>
      </c>
      <c r="AG50" s="132">
        <v>3.75</v>
      </c>
      <c r="AH50" s="132">
        <v>4</v>
      </c>
      <c r="AI50" s="132">
        <v>4.25</v>
      </c>
      <c r="AJ50" s="157"/>
      <c r="AK50" s="156"/>
      <c r="AL50" s="131" t="s">
        <v>236</v>
      </c>
      <c r="AM50" s="157"/>
      <c r="AN50" s="156"/>
      <c r="AO50" s="157"/>
      <c r="AP50" s="157"/>
      <c r="AQ50" s="130" t="s">
        <v>236</v>
      </c>
    </row>
    <row r="51" spans="1:43" x14ac:dyDescent="0.25">
      <c r="A51" s="154"/>
      <c r="B51" s="155"/>
      <c r="C51" s="155"/>
      <c r="D51" s="130"/>
      <c r="E51" s="131"/>
      <c r="F51" s="131"/>
      <c r="G51" s="131"/>
      <c r="H51" s="131"/>
      <c r="I51" s="131"/>
      <c r="J51" s="131"/>
      <c r="K51" s="131"/>
      <c r="L51" s="156"/>
      <c r="R51" s="159"/>
      <c r="S51" s="159"/>
      <c r="T51" s="156"/>
      <c r="U51" s="131" t="s">
        <v>237</v>
      </c>
      <c r="V51" s="131"/>
      <c r="W51" s="131"/>
      <c r="X51" s="131"/>
      <c r="Y51" s="131"/>
      <c r="Z51" s="131"/>
      <c r="AA51" s="131"/>
      <c r="AB51" s="131"/>
      <c r="AC51" s="156"/>
      <c r="AD51" s="132">
        <v>4</v>
      </c>
      <c r="AE51" s="132">
        <v>3.5</v>
      </c>
      <c r="AF51" s="132">
        <v>4</v>
      </c>
      <c r="AG51" s="132">
        <v>3.5</v>
      </c>
      <c r="AH51" s="132">
        <v>3.5</v>
      </c>
      <c r="AI51" s="132">
        <v>4.5</v>
      </c>
      <c r="AJ51" s="157"/>
      <c r="AK51" s="156"/>
      <c r="AL51" s="131" t="s">
        <v>510</v>
      </c>
      <c r="AM51" s="157"/>
      <c r="AN51" s="156"/>
      <c r="AO51" s="157"/>
      <c r="AP51" s="157"/>
      <c r="AQ51" s="130" t="s">
        <v>510</v>
      </c>
    </row>
    <row r="52" spans="1:43" x14ac:dyDescent="0.25">
      <c r="A52" s="154"/>
      <c r="B52" s="155"/>
      <c r="C52" s="155"/>
      <c r="D52" s="130"/>
      <c r="E52" s="131"/>
      <c r="F52" s="131"/>
      <c r="G52" s="131"/>
      <c r="H52" s="131"/>
      <c r="I52" s="131"/>
      <c r="J52" s="131"/>
      <c r="K52" s="131"/>
      <c r="L52" s="156"/>
      <c r="R52" s="159"/>
      <c r="S52" s="159"/>
      <c r="T52" s="156"/>
      <c r="U52" s="131" t="s">
        <v>238</v>
      </c>
      <c r="V52" s="131"/>
      <c r="W52" s="131"/>
      <c r="X52" s="131"/>
      <c r="Y52" s="131"/>
      <c r="Z52" s="131"/>
      <c r="AA52" s="131"/>
      <c r="AB52" s="131"/>
      <c r="AC52" s="156"/>
      <c r="AD52" s="132">
        <v>4</v>
      </c>
      <c r="AE52" s="132">
        <v>3.75</v>
      </c>
      <c r="AF52" s="132">
        <v>4</v>
      </c>
      <c r="AG52" s="132">
        <v>3.75</v>
      </c>
      <c r="AH52" s="132">
        <v>4.25</v>
      </c>
      <c r="AI52" s="132">
        <v>4.5</v>
      </c>
      <c r="AJ52" s="157"/>
      <c r="AK52" s="156"/>
      <c r="AL52" s="131" t="s">
        <v>238</v>
      </c>
      <c r="AM52" s="157"/>
      <c r="AN52" s="156"/>
      <c r="AO52" s="157"/>
      <c r="AP52" s="157"/>
      <c r="AQ52" s="130" t="s">
        <v>238</v>
      </c>
    </row>
    <row r="53" spans="1:43" x14ac:dyDescent="0.25">
      <c r="A53" s="154"/>
      <c r="B53" s="155"/>
      <c r="C53" s="155"/>
      <c r="D53" s="130"/>
      <c r="E53" s="131"/>
      <c r="F53" s="131"/>
      <c r="G53" s="131"/>
      <c r="H53" s="131"/>
      <c r="I53" s="131"/>
      <c r="J53" s="131"/>
      <c r="K53" s="131"/>
      <c r="L53" s="156"/>
      <c r="R53" s="159"/>
      <c r="S53" s="159"/>
      <c r="T53" s="156"/>
      <c r="U53" s="131" t="s">
        <v>239</v>
      </c>
      <c r="V53" s="131"/>
      <c r="W53" s="131"/>
      <c r="X53" s="131"/>
      <c r="Y53" s="131"/>
      <c r="Z53" s="131"/>
      <c r="AA53" s="131"/>
      <c r="AB53" s="131"/>
      <c r="AC53" s="156"/>
      <c r="AD53" s="132">
        <v>4</v>
      </c>
      <c r="AE53" s="132">
        <v>3.5</v>
      </c>
      <c r="AF53" s="132">
        <v>4</v>
      </c>
      <c r="AG53" s="132">
        <v>3.5</v>
      </c>
      <c r="AH53" s="132">
        <v>3.5</v>
      </c>
      <c r="AI53" s="132">
        <v>4.5</v>
      </c>
      <c r="AJ53" s="157"/>
      <c r="AK53" s="156"/>
      <c r="AL53" s="131" t="s">
        <v>509</v>
      </c>
      <c r="AM53" s="157"/>
      <c r="AN53" s="156"/>
      <c r="AO53" s="157"/>
      <c r="AP53" s="157"/>
      <c r="AQ53" s="130" t="s">
        <v>509</v>
      </c>
    </row>
    <row r="54" spans="1:43" x14ac:dyDescent="0.25">
      <c r="A54" s="154"/>
      <c r="B54" s="155"/>
      <c r="C54" s="155"/>
      <c r="D54" s="130"/>
      <c r="E54" s="131"/>
      <c r="F54" s="131"/>
      <c r="G54" s="131"/>
      <c r="H54" s="131"/>
      <c r="I54" s="131"/>
      <c r="J54" s="131"/>
      <c r="K54" s="131"/>
      <c r="L54" s="156"/>
      <c r="M54" s="7"/>
      <c r="N54" s="7"/>
      <c r="O54" s="7"/>
      <c r="P54" s="7"/>
      <c r="Q54" s="7"/>
      <c r="R54" s="159"/>
      <c r="S54" s="159"/>
      <c r="T54" s="156"/>
      <c r="U54" s="131"/>
      <c r="V54" s="131"/>
      <c r="W54" s="131"/>
      <c r="X54" s="131"/>
      <c r="Y54" s="131"/>
      <c r="Z54" s="131"/>
      <c r="AA54" s="131"/>
      <c r="AB54" s="131"/>
      <c r="AC54" s="156"/>
      <c r="AD54" s="132"/>
      <c r="AE54" s="132"/>
      <c r="AF54" s="132"/>
      <c r="AG54" s="132"/>
      <c r="AH54" s="132"/>
      <c r="AI54" s="132"/>
      <c r="AJ54" s="157"/>
      <c r="AK54" s="156"/>
      <c r="AL54" s="131" t="s">
        <v>511</v>
      </c>
      <c r="AM54" s="157"/>
      <c r="AN54" s="156"/>
      <c r="AO54" s="157"/>
      <c r="AP54" s="157"/>
      <c r="AQ54" s="130" t="s">
        <v>511</v>
      </c>
    </row>
    <row r="55" spans="1:43" x14ac:dyDescent="0.25">
      <c r="A55" s="154"/>
      <c r="B55" s="155"/>
      <c r="C55" s="155"/>
      <c r="D55" s="130"/>
      <c r="E55" s="131"/>
      <c r="F55" s="131"/>
      <c r="G55" s="131"/>
      <c r="H55" s="131"/>
      <c r="I55" s="131"/>
      <c r="J55" s="131"/>
      <c r="K55" s="131"/>
      <c r="L55" s="156"/>
      <c r="M55" s="7"/>
      <c r="N55" s="7"/>
      <c r="O55" s="7"/>
      <c r="P55" s="7"/>
      <c r="Q55" s="7"/>
      <c r="R55" s="159"/>
      <c r="S55" s="159"/>
      <c r="T55" s="156"/>
      <c r="U55" s="131"/>
      <c r="V55" s="131"/>
      <c r="W55" s="131"/>
      <c r="X55" s="131"/>
      <c r="Y55" s="131"/>
      <c r="Z55" s="131"/>
      <c r="AA55" s="131"/>
      <c r="AB55" s="131"/>
      <c r="AC55" s="156"/>
      <c r="AD55" s="132"/>
      <c r="AE55" s="132"/>
      <c r="AF55" s="132"/>
      <c r="AG55" s="132"/>
      <c r="AH55" s="132"/>
      <c r="AI55" s="132"/>
      <c r="AJ55" s="157"/>
      <c r="AK55" s="156"/>
      <c r="AL55" s="131" t="s">
        <v>512</v>
      </c>
      <c r="AM55" s="157"/>
      <c r="AN55" s="156"/>
      <c r="AO55" s="157"/>
      <c r="AP55" s="157"/>
      <c r="AQ55" s="130" t="s">
        <v>512</v>
      </c>
    </row>
    <row r="56" spans="1:43" x14ac:dyDescent="0.25">
      <c r="A56" s="154"/>
      <c r="B56" s="155"/>
      <c r="C56" s="155"/>
      <c r="D56" s="130"/>
      <c r="E56" s="131"/>
      <c r="F56" s="131"/>
      <c r="G56" s="131"/>
      <c r="H56" s="131"/>
      <c r="I56" s="131"/>
      <c r="J56" s="131"/>
      <c r="K56" s="131"/>
      <c r="L56" s="156"/>
      <c r="M56" s="7"/>
      <c r="N56" s="7"/>
      <c r="O56" s="7"/>
      <c r="P56" s="7"/>
      <c r="Q56" s="7"/>
      <c r="R56" s="159"/>
      <c r="S56" s="159"/>
      <c r="T56" s="156"/>
      <c r="U56" s="131"/>
      <c r="V56" s="131"/>
      <c r="W56" s="131"/>
      <c r="X56" s="131"/>
      <c r="Y56" s="131"/>
      <c r="Z56" s="131"/>
      <c r="AA56" s="131"/>
      <c r="AB56" s="131"/>
      <c r="AC56" s="156"/>
      <c r="AD56" s="132"/>
      <c r="AE56" s="132"/>
      <c r="AF56" s="132"/>
      <c r="AG56" s="132"/>
      <c r="AH56" s="132"/>
      <c r="AI56" s="132"/>
      <c r="AJ56" s="157"/>
      <c r="AK56" s="156"/>
      <c r="AL56" s="131" t="s">
        <v>513</v>
      </c>
      <c r="AM56" s="157"/>
      <c r="AN56" s="156"/>
      <c r="AO56" s="157"/>
      <c r="AP56" s="157"/>
      <c r="AQ56" s="130" t="s">
        <v>513</v>
      </c>
    </row>
    <row r="57" spans="1:43" x14ac:dyDescent="0.25">
      <c r="A57" s="154"/>
      <c r="B57" s="155"/>
      <c r="C57" s="155"/>
      <c r="D57" s="130"/>
      <c r="E57" s="131"/>
      <c r="F57" s="131"/>
      <c r="G57" s="131"/>
      <c r="H57" s="131"/>
      <c r="I57" s="131"/>
      <c r="J57" s="131"/>
      <c r="K57" s="131"/>
      <c r="L57" s="156"/>
      <c r="M57" s="7"/>
      <c r="N57" s="7"/>
      <c r="O57" s="7"/>
      <c r="P57" s="7"/>
      <c r="Q57" s="7"/>
      <c r="R57" s="159"/>
      <c r="S57" s="159"/>
      <c r="T57" s="156"/>
      <c r="U57" s="131"/>
      <c r="V57" s="131"/>
      <c r="W57" s="131"/>
      <c r="X57" s="131"/>
      <c r="Y57" s="131"/>
      <c r="Z57" s="131"/>
      <c r="AA57" s="131"/>
      <c r="AB57" s="131"/>
      <c r="AC57" s="156"/>
      <c r="AD57" s="132"/>
      <c r="AE57" s="132"/>
      <c r="AF57" s="132"/>
      <c r="AG57" s="132"/>
      <c r="AH57" s="132"/>
      <c r="AI57" s="132"/>
      <c r="AJ57" s="157"/>
      <c r="AK57" s="156"/>
      <c r="AL57" s="131" t="s">
        <v>514</v>
      </c>
      <c r="AM57" s="157"/>
      <c r="AN57" s="156"/>
      <c r="AO57" s="157"/>
      <c r="AP57" s="157"/>
      <c r="AQ57" s="130" t="s">
        <v>514</v>
      </c>
    </row>
    <row r="58" spans="1:43" ht="30" x14ac:dyDescent="0.25">
      <c r="A58" s="113"/>
      <c r="B58" s="113"/>
      <c r="C58" s="113"/>
      <c r="D58" s="113"/>
      <c r="E58" s="113"/>
      <c r="F58" s="113"/>
      <c r="G58" s="113"/>
      <c r="H58" s="113"/>
      <c r="I58" s="113"/>
      <c r="J58" s="113"/>
      <c r="K58" s="113"/>
      <c r="L58" s="113"/>
      <c r="M58" s="111"/>
      <c r="N58" s="111"/>
      <c r="O58" s="111"/>
      <c r="P58" s="111"/>
      <c r="Q58" s="111"/>
      <c r="R58" s="112"/>
      <c r="S58" s="112"/>
      <c r="T58" s="113"/>
      <c r="U58" s="113"/>
      <c r="V58" s="113"/>
      <c r="W58" s="113"/>
      <c r="X58" s="113"/>
      <c r="Y58" s="113"/>
      <c r="Z58" s="113"/>
      <c r="AA58" s="113"/>
      <c r="AB58" s="113"/>
      <c r="AC58" s="113"/>
      <c r="AD58" s="123"/>
      <c r="AE58" s="123"/>
      <c r="AF58" s="123"/>
      <c r="AG58" s="123"/>
      <c r="AH58" s="123"/>
      <c r="AI58" s="123"/>
      <c r="AJ58" s="113"/>
      <c r="AK58" s="156" t="s">
        <v>67</v>
      </c>
      <c r="AL58" s="131" t="s">
        <v>501</v>
      </c>
      <c r="AM58" s="157" t="s">
        <v>600</v>
      </c>
      <c r="AN58" s="156"/>
      <c r="AO58" s="157" t="s">
        <v>634</v>
      </c>
      <c r="AP58" s="157" t="s">
        <v>64</v>
      </c>
      <c r="AQ58" s="130" t="s">
        <v>501</v>
      </c>
    </row>
    <row r="59" spans="1:43" x14ac:dyDescent="0.25">
      <c r="A59" s="113"/>
      <c r="B59" s="113"/>
      <c r="C59" s="113"/>
      <c r="D59" s="113"/>
      <c r="E59" s="113"/>
      <c r="F59" s="113"/>
      <c r="G59" s="113"/>
      <c r="H59" s="113"/>
      <c r="I59" s="113"/>
      <c r="J59" s="113"/>
      <c r="K59" s="113"/>
      <c r="L59" s="113"/>
      <c r="M59" s="111"/>
      <c r="N59" s="111"/>
      <c r="O59" s="111"/>
      <c r="P59" s="111"/>
      <c r="Q59" s="111"/>
      <c r="R59" s="112"/>
      <c r="S59" s="112"/>
      <c r="T59" s="113"/>
      <c r="U59" s="113"/>
      <c r="V59" s="113"/>
      <c r="W59" s="113"/>
      <c r="X59" s="113"/>
      <c r="Y59" s="113"/>
      <c r="Z59" s="113"/>
      <c r="AA59" s="113"/>
      <c r="AB59" s="113"/>
      <c r="AC59" s="113"/>
      <c r="AD59" s="123"/>
      <c r="AE59" s="123"/>
      <c r="AF59" s="123"/>
      <c r="AG59" s="123"/>
      <c r="AH59" s="123"/>
      <c r="AI59" s="123"/>
      <c r="AJ59" s="113"/>
      <c r="AK59" s="156"/>
      <c r="AL59" s="131" t="s">
        <v>502</v>
      </c>
      <c r="AM59" s="157"/>
      <c r="AN59" s="156"/>
      <c r="AO59" s="157"/>
      <c r="AP59" s="157"/>
      <c r="AQ59" s="130" t="s">
        <v>502</v>
      </c>
    </row>
    <row r="60" spans="1:43" x14ac:dyDescent="0.25">
      <c r="A60" s="113"/>
      <c r="B60" s="113"/>
      <c r="C60" s="113"/>
      <c r="D60" s="113"/>
      <c r="E60" s="113"/>
      <c r="F60" s="113"/>
      <c r="G60" s="113"/>
      <c r="H60" s="113"/>
      <c r="I60" s="113"/>
      <c r="J60" s="113"/>
      <c r="K60" s="113"/>
      <c r="L60" s="113"/>
      <c r="M60" s="111"/>
      <c r="N60" s="111"/>
      <c r="O60" s="111"/>
      <c r="P60" s="111"/>
      <c r="Q60" s="111"/>
      <c r="R60" s="112"/>
      <c r="S60" s="112"/>
      <c r="T60" s="113"/>
      <c r="U60" s="113"/>
      <c r="V60" s="113"/>
      <c r="W60" s="113"/>
      <c r="X60" s="113"/>
      <c r="Y60" s="113"/>
      <c r="Z60" s="113"/>
      <c r="AA60" s="113"/>
      <c r="AB60" s="113"/>
      <c r="AC60" s="113"/>
      <c r="AD60" s="123"/>
      <c r="AE60" s="123"/>
      <c r="AF60" s="123"/>
      <c r="AG60" s="123"/>
      <c r="AH60" s="123"/>
      <c r="AI60" s="123"/>
      <c r="AJ60" s="113"/>
      <c r="AK60" s="156"/>
      <c r="AL60" s="131" t="s">
        <v>503</v>
      </c>
      <c r="AM60" s="157"/>
      <c r="AN60" s="156"/>
      <c r="AO60" s="157"/>
      <c r="AP60" s="157"/>
      <c r="AQ60" s="130" t="s">
        <v>503</v>
      </c>
    </row>
    <row r="61" spans="1:43" ht="90" x14ac:dyDescent="0.25">
      <c r="A61" s="154" t="s">
        <v>390</v>
      </c>
      <c r="B61" s="155" t="s">
        <v>84</v>
      </c>
      <c r="C61" s="3" t="s">
        <v>498</v>
      </c>
      <c r="D61" s="130" t="s">
        <v>446</v>
      </c>
      <c r="E61" s="131"/>
      <c r="F61" s="131"/>
      <c r="G61" s="131"/>
      <c r="H61" s="131">
        <v>5</v>
      </c>
      <c r="I61" s="131">
        <v>5</v>
      </c>
      <c r="J61" s="131">
        <v>1</v>
      </c>
      <c r="K61" s="131">
        <v>2</v>
      </c>
      <c r="L61" s="131" t="s">
        <v>430</v>
      </c>
      <c r="M61" s="7">
        <v>1</v>
      </c>
      <c r="N61" s="7">
        <v>5</v>
      </c>
      <c r="O61" s="7">
        <v>5</v>
      </c>
      <c r="P61" s="7">
        <v>1</v>
      </c>
      <c r="Q61" s="7">
        <v>2</v>
      </c>
      <c r="R61" s="159" t="s">
        <v>680</v>
      </c>
      <c r="S61" s="159" t="s">
        <v>232</v>
      </c>
      <c r="T61" s="156" t="s">
        <v>44</v>
      </c>
      <c r="U61" s="156" t="s">
        <v>499</v>
      </c>
      <c r="V61" s="131"/>
      <c r="W61" s="131">
        <v>5</v>
      </c>
      <c r="X61" s="131"/>
      <c r="Y61" s="131">
        <v>5</v>
      </c>
      <c r="Z61" s="131">
        <v>3</v>
      </c>
      <c r="AA61" s="131">
        <v>5</v>
      </c>
      <c r="AB61" s="131">
        <v>5</v>
      </c>
      <c r="AC61" s="156" t="s">
        <v>559</v>
      </c>
      <c r="AD61" s="132">
        <v>4.5</v>
      </c>
      <c r="AE61" s="132">
        <v>4</v>
      </c>
      <c r="AF61" s="132">
        <v>3.25</v>
      </c>
      <c r="AG61" s="132">
        <v>4</v>
      </c>
      <c r="AH61" s="132">
        <v>3.75</v>
      </c>
      <c r="AI61" s="132">
        <v>4</v>
      </c>
      <c r="AJ61" s="157" t="s">
        <v>500</v>
      </c>
      <c r="AK61" s="156" t="s">
        <v>71</v>
      </c>
      <c r="AL61" s="134" t="s">
        <v>504</v>
      </c>
      <c r="AM61" s="157" t="s">
        <v>584</v>
      </c>
      <c r="AN61" s="156" t="s">
        <v>576</v>
      </c>
      <c r="AO61" s="157" t="s">
        <v>634</v>
      </c>
      <c r="AP61" s="157" t="s">
        <v>67</v>
      </c>
      <c r="AQ61" s="130" t="s">
        <v>504</v>
      </c>
    </row>
    <row r="62" spans="1:43" x14ac:dyDescent="0.25">
      <c r="A62" s="154"/>
      <c r="B62" s="155"/>
      <c r="C62" s="3"/>
      <c r="D62" s="130"/>
      <c r="E62" s="131"/>
      <c r="F62" s="131"/>
      <c r="G62" s="131"/>
      <c r="H62" s="131"/>
      <c r="I62" s="131"/>
      <c r="J62" s="131"/>
      <c r="K62" s="131"/>
      <c r="L62" s="131"/>
      <c r="M62" s="7"/>
      <c r="N62" s="7"/>
      <c r="O62" s="7"/>
      <c r="P62" s="7"/>
      <c r="Q62" s="7"/>
      <c r="R62" s="159"/>
      <c r="S62" s="159"/>
      <c r="T62" s="156"/>
      <c r="U62" s="156"/>
      <c r="V62" s="131"/>
      <c r="W62" s="131"/>
      <c r="X62" s="131"/>
      <c r="Y62" s="131"/>
      <c r="Z62" s="131"/>
      <c r="AA62" s="131"/>
      <c r="AB62" s="131"/>
      <c r="AC62" s="156"/>
      <c r="AD62" s="132"/>
      <c r="AE62" s="132"/>
      <c r="AF62" s="132"/>
      <c r="AG62" s="132"/>
      <c r="AH62" s="132"/>
      <c r="AI62" s="132"/>
      <c r="AJ62" s="157"/>
      <c r="AK62" s="156"/>
      <c r="AL62" s="131" t="s">
        <v>502</v>
      </c>
      <c r="AM62" s="157"/>
      <c r="AN62" s="156"/>
      <c r="AO62" s="157"/>
      <c r="AP62" s="157"/>
      <c r="AQ62" s="130" t="s">
        <v>502</v>
      </c>
    </row>
    <row r="63" spans="1:43" x14ac:dyDescent="0.25">
      <c r="A63" s="154"/>
      <c r="B63" s="155"/>
      <c r="C63" s="3"/>
      <c r="D63" s="130"/>
      <c r="E63" s="131"/>
      <c r="F63" s="131"/>
      <c r="G63" s="131"/>
      <c r="H63" s="131"/>
      <c r="I63" s="131"/>
      <c r="J63" s="131"/>
      <c r="K63" s="131"/>
      <c r="L63" s="131"/>
      <c r="M63" s="7"/>
      <c r="N63" s="7"/>
      <c r="O63" s="7"/>
      <c r="P63" s="7"/>
      <c r="Q63" s="7"/>
      <c r="R63" s="159"/>
      <c r="S63" s="159"/>
      <c r="T63" s="156"/>
      <c r="U63" s="156"/>
      <c r="V63" s="131"/>
      <c r="W63" s="131"/>
      <c r="X63" s="131"/>
      <c r="Y63" s="131"/>
      <c r="Z63" s="131"/>
      <c r="AA63" s="131"/>
      <c r="AB63" s="131"/>
      <c r="AC63" s="156"/>
      <c r="AD63" s="132"/>
      <c r="AE63" s="132"/>
      <c r="AF63" s="132"/>
      <c r="AG63" s="132"/>
      <c r="AH63" s="132"/>
      <c r="AI63" s="132"/>
      <c r="AJ63" s="157"/>
      <c r="AK63" s="156"/>
      <c r="AL63" s="131" t="s">
        <v>503</v>
      </c>
      <c r="AM63" s="157"/>
      <c r="AN63" s="156"/>
      <c r="AO63" s="157"/>
      <c r="AP63" s="157"/>
      <c r="AQ63" s="130" t="s">
        <v>503</v>
      </c>
    </row>
    <row r="64" spans="1:43" ht="270" x14ac:dyDescent="0.25">
      <c r="A64" s="55" t="s">
        <v>390</v>
      </c>
      <c r="B64" s="3" t="s">
        <v>86</v>
      </c>
      <c r="C64" s="3" t="s">
        <v>87</v>
      </c>
      <c r="D64" s="130"/>
      <c r="E64" s="131"/>
      <c r="F64" s="131"/>
      <c r="G64" s="131"/>
      <c r="H64" s="131"/>
      <c r="I64" s="131"/>
      <c r="J64" s="131"/>
      <c r="K64" s="131">
        <v>5</v>
      </c>
      <c r="L64" s="131" t="s">
        <v>429</v>
      </c>
      <c r="M64" s="7"/>
      <c r="N64" s="7"/>
      <c r="O64" s="7"/>
      <c r="P64" s="7"/>
      <c r="Q64" s="7"/>
      <c r="R64" s="10"/>
      <c r="S64" s="10" t="s">
        <v>240</v>
      </c>
      <c r="T64" s="131" t="s">
        <v>86</v>
      </c>
      <c r="U64" s="131" t="s">
        <v>336</v>
      </c>
      <c r="V64" s="131"/>
      <c r="W64" s="131"/>
      <c r="X64" s="131"/>
      <c r="Y64" s="131"/>
      <c r="Z64" s="131"/>
      <c r="AA64" s="131"/>
      <c r="AB64" s="131">
        <v>5</v>
      </c>
      <c r="AC64" s="131" t="s">
        <v>616</v>
      </c>
      <c r="AD64" s="132">
        <v>4</v>
      </c>
      <c r="AE64" s="132">
        <v>4</v>
      </c>
      <c r="AF64" s="132">
        <v>4.333333333333333</v>
      </c>
      <c r="AG64" s="132">
        <v>4.25</v>
      </c>
      <c r="AH64" s="132">
        <v>4</v>
      </c>
      <c r="AI64" s="132">
        <v>4.5</v>
      </c>
      <c r="AJ64" s="130" t="s">
        <v>337</v>
      </c>
      <c r="AK64" s="113"/>
      <c r="AL64" s="113"/>
      <c r="AM64" s="113"/>
      <c r="AN64" s="113"/>
      <c r="AO64" s="130" t="s">
        <v>390</v>
      </c>
      <c r="AP64" s="130" t="s">
        <v>92</v>
      </c>
      <c r="AQ64" s="130" t="s">
        <v>651</v>
      </c>
    </row>
    <row r="65" spans="1:43" ht="30" x14ac:dyDescent="0.25">
      <c r="A65" s="154" t="s">
        <v>390</v>
      </c>
      <c r="B65" s="155" t="s">
        <v>89</v>
      </c>
      <c r="C65" s="155" t="s">
        <v>91</v>
      </c>
      <c r="D65" s="157" t="s">
        <v>447</v>
      </c>
      <c r="E65" s="131"/>
      <c r="F65" s="131">
        <v>1</v>
      </c>
      <c r="G65" s="131"/>
      <c r="H65" s="131">
        <v>3</v>
      </c>
      <c r="I65" s="131">
        <v>1</v>
      </c>
      <c r="J65" s="131"/>
      <c r="K65" s="131">
        <v>3</v>
      </c>
      <c r="L65" s="156" t="s">
        <v>428</v>
      </c>
      <c r="M65" s="7"/>
      <c r="N65" s="7"/>
      <c r="O65" s="7"/>
      <c r="P65" s="7"/>
      <c r="Q65" s="7"/>
      <c r="R65" s="159"/>
      <c r="S65" s="159" t="s">
        <v>262</v>
      </c>
      <c r="T65" s="156" t="s">
        <v>61</v>
      </c>
      <c r="U65" s="131" t="s">
        <v>220</v>
      </c>
      <c r="V65" s="131"/>
      <c r="W65" s="131"/>
      <c r="X65" s="131"/>
      <c r="Y65" s="131"/>
      <c r="Z65" s="131"/>
      <c r="AA65" s="131"/>
      <c r="AB65" s="131"/>
      <c r="AC65" s="156"/>
      <c r="AD65" s="132">
        <v>5</v>
      </c>
      <c r="AE65" s="132">
        <v>5</v>
      </c>
      <c r="AF65" s="132">
        <v>5</v>
      </c>
      <c r="AG65" s="132">
        <v>5</v>
      </c>
      <c r="AH65" s="132">
        <v>5</v>
      </c>
      <c r="AI65" s="132">
        <v>5</v>
      </c>
      <c r="AJ65" s="157" t="s">
        <v>333</v>
      </c>
      <c r="AK65" s="113"/>
      <c r="AL65" s="113"/>
      <c r="AM65" s="158"/>
      <c r="AN65" s="158"/>
      <c r="AO65" s="157" t="s">
        <v>634</v>
      </c>
      <c r="AP65" s="157" t="s">
        <v>80</v>
      </c>
      <c r="AQ65" s="130" t="s">
        <v>640</v>
      </c>
    </row>
    <row r="66" spans="1:43" x14ac:dyDescent="0.25">
      <c r="A66" s="154"/>
      <c r="B66" s="155"/>
      <c r="C66" s="155"/>
      <c r="D66" s="157"/>
      <c r="E66" s="131"/>
      <c r="F66" s="131"/>
      <c r="G66" s="131"/>
      <c r="H66" s="131"/>
      <c r="I66" s="131"/>
      <c r="J66" s="131"/>
      <c r="K66" s="131"/>
      <c r="L66" s="156"/>
      <c r="M66" s="7"/>
      <c r="N66" s="7"/>
      <c r="O66" s="7"/>
      <c r="P66" s="7"/>
      <c r="Q66" s="7"/>
      <c r="R66" s="159"/>
      <c r="S66" s="159"/>
      <c r="T66" s="156"/>
      <c r="U66" s="131" t="s">
        <v>221</v>
      </c>
      <c r="V66" s="131"/>
      <c r="W66" s="131"/>
      <c r="X66" s="131"/>
      <c r="Y66" s="131"/>
      <c r="Z66" s="131"/>
      <c r="AA66" s="131"/>
      <c r="AB66" s="131"/>
      <c r="AC66" s="156"/>
      <c r="AD66" s="132">
        <v>4.25</v>
      </c>
      <c r="AE66" s="132">
        <v>4</v>
      </c>
      <c r="AF66" s="132">
        <v>4.5</v>
      </c>
      <c r="AG66" s="132">
        <v>3.5</v>
      </c>
      <c r="AH66" s="132">
        <v>4</v>
      </c>
      <c r="AI66" s="132">
        <v>4.5</v>
      </c>
      <c r="AJ66" s="157"/>
      <c r="AK66" s="113"/>
      <c r="AL66" s="113"/>
      <c r="AM66" s="158"/>
      <c r="AN66" s="158"/>
      <c r="AO66" s="157"/>
      <c r="AP66" s="157"/>
      <c r="AQ66" s="130" t="s">
        <v>221</v>
      </c>
    </row>
    <row r="67" spans="1:43" x14ac:dyDescent="0.25">
      <c r="A67" s="154"/>
      <c r="B67" s="155"/>
      <c r="C67" s="155"/>
      <c r="D67" s="157"/>
      <c r="E67" s="131"/>
      <c r="F67" s="131"/>
      <c r="G67" s="131"/>
      <c r="H67" s="131"/>
      <c r="I67" s="131"/>
      <c r="J67" s="131"/>
      <c r="K67" s="131"/>
      <c r="L67" s="156"/>
      <c r="M67" s="7"/>
      <c r="N67" s="7"/>
      <c r="O67" s="7"/>
      <c r="P67" s="7"/>
      <c r="Q67" s="7"/>
      <c r="R67" s="159"/>
      <c r="S67" s="159"/>
      <c r="T67" s="156"/>
      <c r="U67" s="131" t="s">
        <v>222</v>
      </c>
      <c r="V67" s="131"/>
      <c r="W67" s="131"/>
      <c r="X67" s="131"/>
      <c r="Y67" s="131"/>
      <c r="Z67" s="131"/>
      <c r="AA67" s="131"/>
      <c r="AB67" s="131"/>
      <c r="AC67" s="156"/>
      <c r="AD67" s="132">
        <v>4.5</v>
      </c>
      <c r="AE67" s="132">
        <v>4.25</v>
      </c>
      <c r="AF67" s="132">
        <v>4.75</v>
      </c>
      <c r="AG67" s="132">
        <v>3.75</v>
      </c>
      <c r="AH67" s="132">
        <v>4.25</v>
      </c>
      <c r="AI67" s="132">
        <v>4.5</v>
      </c>
      <c r="AJ67" s="157"/>
      <c r="AK67" s="113"/>
      <c r="AL67" s="113"/>
      <c r="AM67" s="158"/>
      <c r="AN67" s="158"/>
      <c r="AO67" s="157"/>
      <c r="AP67" s="157"/>
      <c r="AQ67" s="130" t="s">
        <v>222</v>
      </c>
    </row>
    <row r="68" spans="1:43" x14ac:dyDescent="0.25">
      <c r="A68" s="154"/>
      <c r="B68" s="155"/>
      <c r="C68" s="155"/>
      <c r="D68" s="157"/>
      <c r="E68" s="131"/>
      <c r="F68" s="131"/>
      <c r="G68" s="131"/>
      <c r="H68" s="131"/>
      <c r="I68" s="131"/>
      <c r="J68" s="131"/>
      <c r="K68" s="131"/>
      <c r="L68" s="156"/>
      <c r="M68" s="7"/>
      <c r="N68" s="7"/>
      <c r="O68" s="7"/>
      <c r="P68" s="7"/>
      <c r="Q68" s="7"/>
      <c r="R68" s="159"/>
      <c r="S68" s="159"/>
      <c r="T68" s="156"/>
      <c r="U68" s="131" t="s">
        <v>223</v>
      </c>
      <c r="V68" s="131"/>
      <c r="W68" s="131"/>
      <c r="X68" s="131"/>
      <c r="Y68" s="131"/>
      <c r="Z68" s="131"/>
      <c r="AA68" s="131"/>
      <c r="AB68" s="131"/>
      <c r="AC68" s="156"/>
      <c r="AD68" s="132">
        <v>4.5</v>
      </c>
      <c r="AE68" s="132">
        <v>4.25</v>
      </c>
      <c r="AF68" s="132">
        <v>4.75</v>
      </c>
      <c r="AG68" s="132">
        <v>3.75</v>
      </c>
      <c r="AH68" s="132">
        <v>4.25</v>
      </c>
      <c r="AI68" s="132">
        <v>4.5</v>
      </c>
      <c r="AJ68" s="157"/>
      <c r="AK68" s="113"/>
      <c r="AL68" s="113"/>
      <c r="AM68" s="158"/>
      <c r="AN68" s="158"/>
      <c r="AO68" s="157"/>
      <c r="AP68" s="157"/>
      <c r="AQ68" s="130" t="s">
        <v>223</v>
      </c>
    </row>
    <row r="69" spans="1:43" x14ac:dyDescent="0.25">
      <c r="A69" s="154"/>
      <c r="B69" s="155"/>
      <c r="C69" s="155"/>
      <c r="D69" s="157"/>
      <c r="E69" s="131"/>
      <c r="F69" s="131"/>
      <c r="G69" s="131"/>
      <c r="H69" s="131"/>
      <c r="I69" s="131"/>
      <c r="J69" s="131"/>
      <c r="K69" s="131"/>
      <c r="L69" s="156"/>
      <c r="M69" s="7"/>
      <c r="N69" s="7"/>
      <c r="O69" s="7"/>
      <c r="P69" s="7"/>
      <c r="Q69" s="7"/>
      <c r="R69" s="159"/>
      <c r="S69" s="159"/>
      <c r="T69" s="156"/>
      <c r="U69" s="131"/>
      <c r="V69" s="131"/>
      <c r="W69" s="131"/>
      <c r="X69" s="131"/>
      <c r="Y69" s="131"/>
      <c r="Z69" s="131"/>
      <c r="AA69" s="131"/>
      <c r="AB69" s="131"/>
      <c r="AC69" s="156"/>
      <c r="AD69" s="132"/>
      <c r="AE69" s="132"/>
      <c r="AF69" s="132"/>
      <c r="AG69" s="132"/>
      <c r="AH69" s="132"/>
      <c r="AI69" s="132"/>
      <c r="AJ69" s="157"/>
      <c r="AK69" s="113"/>
      <c r="AL69" s="113"/>
      <c r="AM69" s="158"/>
      <c r="AN69" s="158"/>
      <c r="AO69" s="157"/>
      <c r="AP69" s="157"/>
      <c r="AQ69" s="130" t="s">
        <v>224</v>
      </c>
    </row>
    <row r="70" spans="1:43" x14ac:dyDescent="0.25">
      <c r="A70" s="154"/>
      <c r="B70" s="155"/>
      <c r="C70" s="155"/>
      <c r="D70" s="157"/>
      <c r="E70" s="131"/>
      <c r="F70" s="131"/>
      <c r="G70" s="131"/>
      <c r="H70" s="131"/>
      <c r="I70" s="131"/>
      <c r="J70" s="131"/>
      <c r="K70" s="131"/>
      <c r="L70" s="156"/>
      <c r="M70" s="7"/>
      <c r="N70" s="7"/>
      <c r="O70" s="7"/>
      <c r="P70" s="7"/>
      <c r="Q70" s="7"/>
      <c r="R70" s="159"/>
      <c r="S70" s="159"/>
      <c r="T70" s="156"/>
      <c r="U70" s="131"/>
      <c r="V70" s="131"/>
      <c r="W70" s="131"/>
      <c r="X70" s="131"/>
      <c r="Y70" s="131"/>
      <c r="Z70" s="131"/>
      <c r="AA70" s="131"/>
      <c r="AB70" s="131"/>
      <c r="AC70" s="156"/>
      <c r="AD70" s="132"/>
      <c r="AE70" s="132"/>
      <c r="AF70" s="132"/>
      <c r="AG70" s="132"/>
      <c r="AH70" s="132"/>
      <c r="AI70" s="132"/>
      <c r="AJ70" s="157"/>
      <c r="AK70" s="113"/>
      <c r="AL70" s="113"/>
      <c r="AM70" s="158"/>
      <c r="AN70" s="158"/>
      <c r="AO70" s="157"/>
      <c r="AP70" s="157"/>
      <c r="AQ70" s="130" t="s">
        <v>641</v>
      </c>
    </row>
    <row r="71" spans="1:43" ht="30" x14ac:dyDescent="0.25">
      <c r="A71" s="113"/>
      <c r="B71" s="113"/>
      <c r="C71" s="113"/>
      <c r="D71" s="113"/>
      <c r="E71" s="113"/>
      <c r="F71" s="113"/>
      <c r="G71" s="113"/>
      <c r="H71" s="113"/>
      <c r="I71" s="113"/>
      <c r="J71" s="113"/>
      <c r="K71" s="113"/>
      <c r="L71" s="113"/>
      <c r="M71" s="111"/>
      <c r="N71" s="111"/>
      <c r="O71" s="111"/>
      <c r="P71" s="111"/>
      <c r="Q71" s="111"/>
      <c r="R71" s="112"/>
      <c r="S71" s="112"/>
      <c r="T71" s="113"/>
      <c r="U71" s="113"/>
      <c r="V71" s="113"/>
      <c r="W71" s="113"/>
      <c r="X71" s="113"/>
      <c r="Y71" s="113"/>
      <c r="Z71" s="113"/>
      <c r="AA71" s="113"/>
      <c r="AB71" s="113"/>
      <c r="AC71" s="113"/>
      <c r="AD71" s="123"/>
      <c r="AE71" s="123"/>
      <c r="AF71" s="123"/>
      <c r="AG71" s="123"/>
      <c r="AH71" s="123"/>
      <c r="AI71" s="123"/>
      <c r="AJ71" s="113"/>
      <c r="AK71" s="134" t="s">
        <v>518</v>
      </c>
      <c r="AL71" s="131" t="s">
        <v>516</v>
      </c>
      <c r="AM71" s="130"/>
      <c r="AN71" s="131"/>
      <c r="AO71" s="130" t="s">
        <v>634</v>
      </c>
      <c r="AP71" s="130" t="s">
        <v>495</v>
      </c>
      <c r="AQ71" s="130" t="s">
        <v>516</v>
      </c>
    </row>
    <row r="72" spans="1:43" x14ac:dyDescent="0.25">
      <c r="A72" s="113"/>
      <c r="B72" s="113"/>
      <c r="C72" s="113"/>
      <c r="D72" s="113"/>
      <c r="E72" s="113"/>
      <c r="F72" s="113"/>
      <c r="G72" s="113"/>
      <c r="H72" s="113"/>
      <c r="I72" s="113"/>
      <c r="J72" s="113"/>
      <c r="K72" s="113"/>
      <c r="L72" s="113"/>
      <c r="M72" s="111"/>
      <c r="N72" s="111"/>
      <c r="O72" s="111"/>
      <c r="P72" s="111"/>
      <c r="Q72" s="111"/>
      <c r="R72" s="112"/>
      <c r="S72" s="112"/>
      <c r="T72" s="113"/>
      <c r="U72" s="113"/>
      <c r="V72" s="113"/>
      <c r="W72" s="113"/>
      <c r="X72" s="113"/>
      <c r="Y72" s="113"/>
      <c r="Z72" s="113"/>
      <c r="AA72" s="113"/>
      <c r="AB72" s="113"/>
      <c r="AC72" s="113"/>
      <c r="AD72" s="123"/>
      <c r="AE72" s="123"/>
      <c r="AF72" s="123"/>
      <c r="AG72" s="123"/>
      <c r="AH72" s="123"/>
      <c r="AI72" s="123"/>
      <c r="AJ72" s="113"/>
      <c r="AK72" s="134" t="s">
        <v>495</v>
      </c>
      <c r="AL72" s="131" t="s">
        <v>517</v>
      </c>
      <c r="AM72" s="130"/>
      <c r="AN72" s="131"/>
      <c r="AO72" s="130" t="s">
        <v>634</v>
      </c>
      <c r="AP72" s="130" t="s">
        <v>644</v>
      </c>
      <c r="AQ72" s="130" t="s">
        <v>517</v>
      </c>
    </row>
    <row r="73" spans="1:43" x14ac:dyDescent="0.25">
      <c r="A73" s="113"/>
      <c r="B73" s="113"/>
      <c r="C73" s="113"/>
      <c r="D73" s="113"/>
      <c r="E73" s="113"/>
      <c r="F73" s="113"/>
      <c r="G73" s="113"/>
      <c r="H73" s="113"/>
      <c r="I73" s="113"/>
      <c r="J73" s="113"/>
      <c r="K73" s="113"/>
      <c r="L73" s="113"/>
      <c r="M73" s="111"/>
      <c r="N73" s="111"/>
      <c r="O73" s="111"/>
      <c r="P73" s="111"/>
      <c r="Q73" s="111"/>
      <c r="R73" s="112"/>
      <c r="S73" s="112"/>
      <c r="T73" s="113"/>
      <c r="U73" s="113"/>
      <c r="V73" s="113"/>
      <c r="W73" s="113"/>
      <c r="X73" s="113"/>
      <c r="Y73" s="113"/>
      <c r="Z73" s="113"/>
      <c r="AA73" s="113"/>
      <c r="AB73" s="113"/>
      <c r="AC73" s="113"/>
      <c r="AD73" s="123"/>
      <c r="AE73" s="123"/>
      <c r="AF73" s="123"/>
      <c r="AG73" s="123"/>
      <c r="AH73" s="123"/>
      <c r="AI73" s="123"/>
      <c r="AJ73" s="113"/>
      <c r="AK73" s="128"/>
      <c r="AL73" s="113"/>
      <c r="AM73" s="113"/>
      <c r="AN73" s="113"/>
      <c r="AO73" s="157" t="s">
        <v>380</v>
      </c>
      <c r="AP73" s="157" t="s">
        <v>119</v>
      </c>
      <c r="AQ73" s="130" t="s">
        <v>645</v>
      </c>
    </row>
    <row r="74" spans="1:43" x14ac:dyDescent="0.25">
      <c r="A74" s="113"/>
      <c r="B74" s="113"/>
      <c r="C74" s="113"/>
      <c r="D74" s="113"/>
      <c r="E74" s="113"/>
      <c r="F74" s="113"/>
      <c r="G74" s="113"/>
      <c r="H74" s="113"/>
      <c r="I74" s="113"/>
      <c r="J74" s="113"/>
      <c r="K74" s="113"/>
      <c r="L74" s="113"/>
      <c r="M74" s="111"/>
      <c r="N74" s="111"/>
      <c r="O74" s="111"/>
      <c r="P74" s="111"/>
      <c r="Q74" s="111"/>
      <c r="R74" s="112"/>
      <c r="S74" s="112"/>
      <c r="T74" s="113"/>
      <c r="U74" s="113"/>
      <c r="V74" s="113"/>
      <c r="W74" s="113"/>
      <c r="X74" s="113"/>
      <c r="Y74" s="113"/>
      <c r="Z74" s="113"/>
      <c r="AA74" s="113"/>
      <c r="AB74" s="113"/>
      <c r="AC74" s="113"/>
      <c r="AD74" s="123"/>
      <c r="AE74" s="123"/>
      <c r="AF74" s="123"/>
      <c r="AG74" s="123"/>
      <c r="AH74" s="123"/>
      <c r="AI74" s="123"/>
      <c r="AJ74" s="113"/>
      <c r="AK74" s="128"/>
      <c r="AL74" s="113"/>
      <c r="AM74" s="113"/>
      <c r="AN74" s="113"/>
      <c r="AO74" s="157"/>
      <c r="AP74" s="157"/>
      <c r="AQ74" s="130" t="s">
        <v>520</v>
      </c>
    </row>
    <row r="75" spans="1:43" x14ac:dyDescent="0.25">
      <c r="A75" s="113"/>
      <c r="B75" s="113"/>
      <c r="C75" s="113"/>
      <c r="D75" s="113"/>
      <c r="E75" s="113"/>
      <c r="F75" s="113"/>
      <c r="G75" s="113"/>
      <c r="H75" s="113"/>
      <c r="I75" s="113"/>
      <c r="J75" s="113"/>
      <c r="K75" s="113"/>
      <c r="L75" s="113"/>
      <c r="M75" s="127"/>
      <c r="N75" s="127"/>
      <c r="O75" s="127"/>
      <c r="P75" s="127"/>
      <c r="Q75" s="127"/>
      <c r="R75" s="128"/>
      <c r="S75" s="128"/>
      <c r="T75" s="113"/>
      <c r="U75" s="113"/>
      <c r="V75" s="113"/>
      <c r="W75" s="113"/>
      <c r="X75" s="113"/>
      <c r="Y75" s="113"/>
      <c r="Z75" s="113"/>
      <c r="AA75" s="113"/>
      <c r="AB75" s="113"/>
      <c r="AC75" s="113"/>
      <c r="AD75" s="123"/>
      <c r="AE75" s="123"/>
      <c r="AF75" s="123"/>
      <c r="AG75" s="123"/>
      <c r="AH75" s="123"/>
      <c r="AI75" s="123"/>
      <c r="AJ75" s="113"/>
      <c r="AK75" s="128"/>
      <c r="AL75" s="113"/>
      <c r="AM75" s="113"/>
      <c r="AN75" s="113"/>
      <c r="AO75" s="157"/>
      <c r="AP75" s="157"/>
      <c r="AQ75" s="130" t="s">
        <v>521</v>
      </c>
    </row>
    <row r="76" spans="1:43" x14ac:dyDescent="0.25">
      <c r="A76" s="113"/>
      <c r="B76" s="113"/>
      <c r="C76" s="113"/>
      <c r="D76" s="113"/>
      <c r="E76" s="113"/>
      <c r="F76" s="113"/>
      <c r="G76" s="113"/>
      <c r="H76" s="113"/>
      <c r="I76" s="113"/>
      <c r="J76" s="113"/>
      <c r="K76" s="113"/>
      <c r="L76" s="113"/>
      <c r="M76" s="127"/>
      <c r="N76" s="127"/>
      <c r="O76" s="127"/>
      <c r="P76" s="127"/>
      <c r="Q76" s="127"/>
      <c r="R76" s="128"/>
      <c r="S76" s="128"/>
      <c r="T76" s="113"/>
      <c r="U76" s="113"/>
      <c r="V76" s="113"/>
      <c r="W76" s="113"/>
      <c r="X76" s="113"/>
      <c r="Y76" s="113"/>
      <c r="Z76" s="113"/>
      <c r="AA76" s="113"/>
      <c r="AB76" s="113"/>
      <c r="AC76" s="113"/>
      <c r="AD76" s="123"/>
      <c r="AE76" s="123"/>
      <c r="AF76" s="123"/>
      <c r="AG76" s="123"/>
      <c r="AH76" s="123"/>
      <c r="AI76" s="123"/>
      <c r="AJ76" s="113"/>
      <c r="AK76" s="128"/>
      <c r="AL76" s="113"/>
      <c r="AM76" s="113"/>
      <c r="AN76" s="113"/>
      <c r="AO76" s="157"/>
      <c r="AP76" s="157"/>
      <c r="AQ76" s="130" t="s">
        <v>522</v>
      </c>
    </row>
    <row r="77" spans="1:43" x14ac:dyDescent="0.25">
      <c r="A77" s="113"/>
      <c r="B77" s="113"/>
      <c r="C77" s="113"/>
      <c r="D77" s="113"/>
      <c r="E77" s="113"/>
      <c r="F77" s="113"/>
      <c r="G77" s="113"/>
      <c r="H77" s="113"/>
      <c r="I77" s="113"/>
      <c r="J77" s="113"/>
      <c r="K77" s="113"/>
      <c r="L77" s="113"/>
      <c r="M77" s="127"/>
      <c r="N77" s="127"/>
      <c r="O77" s="127"/>
      <c r="P77" s="127"/>
      <c r="Q77" s="127"/>
      <c r="R77" s="128"/>
      <c r="S77" s="128"/>
      <c r="T77" s="113"/>
      <c r="U77" s="113"/>
      <c r="V77" s="113"/>
      <c r="W77" s="113"/>
      <c r="X77" s="113"/>
      <c r="Y77" s="113"/>
      <c r="Z77" s="113"/>
      <c r="AA77" s="113"/>
      <c r="AB77" s="113"/>
      <c r="AC77" s="113"/>
      <c r="AD77" s="123"/>
      <c r="AE77" s="123"/>
      <c r="AF77" s="123"/>
      <c r="AG77" s="123"/>
      <c r="AH77" s="123"/>
      <c r="AI77" s="123"/>
      <c r="AJ77" s="113"/>
      <c r="AK77" s="128"/>
      <c r="AL77" s="113"/>
      <c r="AM77" s="113"/>
      <c r="AN77" s="113"/>
      <c r="AO77" s="157"/>
      <c r="AP77" s="157"/>
      <c r="AQ77" s="130" t="s">
        <v>98</v>
      </c>
    </row>
    <row r="78" spans="1:43" x14ac:dyDescent="0.25">
      <c r="A78" s="113"/>
      <c r="B78" s="113"/>
      <c r="C78" s="113"/>
      <c r="D78" s="113"/>
      <c r="E78" s="113"/>
      <c r="F78" s="113"/>
      <c r="G78" s="113"/>
      <c r="H78" s="113"/>
      <c r="I78" s="113"/>
      <c r="J78" s="113"/>
      <c r="K78" s="113"/>
      <c r="L78" s="113"/>
      <c r="M78" s="127"/>
      <c r="N78" s="127"/>
      <c r="O78" s="127"/>
      <c r="P78" s="127"/>
      <c r="Q78" s="127"/>
      <c r="R78" s="128"/>
      <c r="S78" s="128"/>
      <c r="T78" s="113"/>
      <c r="U78" s="113"/>
      <c r="V78" s="113"/>
      <c r="W78" s="113"/>
      <c r="X78" s="113"/>
      <c r="Y78" s="113"/>
      <c r="Z78" s="113"/>
      <c r="AA78" s="113"/>
      <c r="AB78" s="113"/>
      <c r="AC78" s="113"/>
      <c r="AD78" s="123"/>
      <c r="AE78" s="123"/>
      <c r="AF78" s="123"/>
      <c r="AG78" s="123"/>
      <c r="AH78" s="123"/>
      <c r="AI78" s="123"/>
      <c r="AJ78" s="113"/>
      <c r="AK78" s="128"/>
      <c r="AL78" s="113"/>
      <c r="AM78" s="113"/>
      <c r="AN78" s="113"/>
      <c r="AO78" s="157"/>
      <c r="AP78" s="157"/>
      <c r="AQ78" s="130" t="s">
        <v>523</v>
      </c>
    </row>
    <row r="79" spans="1:43" x14ac:dyDescent="0.25">
      <c r="A79" s="113"/>
      <c r="B79" s="113"/>
      <c r="C79" s="113"/>
      <c r="D79" s="113"/>
      <c r="E79" s="113"/>
      <c r="F79" s="113"/>
      <c r="G79" s="113"/>
      <c r="H79" s="113"/>
      <c r="I79" s="113"/>
      <c r="J79" s="113"/>
      <c r="K79" s="113"/>
      <c r="L79" s="113"/>
      <c r="M79" s="127"/>
      <c r="N79" s="127"/>
      <c r="O79" s="127"/>
      <c r="P79" s="127"/>
      <c r="Q79" s="127"/>
      <c r="R79" s="128"/>
      <c r="S79" s="128"/>
      <c r="T79" s="113"/>
      <c r="U79" s="113"/>
      <c r="V79" s="113"/>
      <c r="W79" s="113"/>
      <c r="X79" s="113"/>
      <c r="Y79" s="113"/>
      <c r="Z79" s="113"/>
      <c r="AA79" s="113"/>
      <c r="AB79" s="113"/>
      <c r="AC79" s="113"/>
      <c r="AD79" s="123"/>
      <c r="AE79" s="123"/>
      <c r="AF79" s="123"/>
      <c r="AG79" s="123"/>
      <c r="AH79" s="123"/>
      <c r="AI79" s="123"/>
      <c r="AJ79" s="113"/>
      <c r="AK79" s="128"/>
      <c r="AL79" s="113"/>
      <c r="AM79" s="113"/>
      <c r="AN79" s="113"/>
      <c r="AO79" s="157"/>
      <c r="AP79" s="157"/>
      <c r="AQ79" s="130" t="s">
        <v>524</v>
      </c>
    </row>
    <row r="80" spans="1:43" x14ac:dyDescent="0.25">
      <c r="A80" s="113"/>
      <c r="B80" s="113"/>
      <c r="C80" s="113"/>
      <c r="D80" s="113"/>
      <c r="E80" s="113"/>
      <c r="F80" s="113"/>
      <c r="G80" s="113"/>
      <c r="H80" s="113"/>
      <c r="I80" s="113"/>
      <c r="J80" s="113"/>
      <c r="K80" s="113"/>
      <c r="L80" s="113"/>
      <c r="M80" s="127"/>
      <c r="N80" s="127"/>
      <c r="O80" s="127"/>
      <c r="P80" s="127"/>
      <c r="Q80" s="127"/>
      <c r="R80" s="128"/>
      <c r="S80" s="128"/>
      <c r="T80" s="113"/>
      <c r="U80" s="113"/>
      <c r="V80" s="113"/>
      <c r="W80" s="113"/>
      <c r="X80" s="113"/>
      <c r="Y80" s="113"/>
      <c r="Z80" s="113"/>
      <c r="AA80" s="113"/>
      <c r="AB80" s="113"/>
      <c r="AC80" s="113"/>
      <c r="AD80" s="123"/>
      <c r="AE80" s="123"/>
      <c r="AF80" s="123"/>
      <c r="AG80" s="123"/>
      <c r="AH80" s="123"/>
      <c r="AI80" s="123"/>
      <c r="AJ80" s="113"/>
      <c r="AK80" s="128"/>
      <c r="AL80" s="113"/>
      <c r="AM80" s="113"/>
      <c r="AN80" s="113"/>
      <c r="AO80" s="157"/>
      <c r="AP80" s="157"/>
      <c r="AQ80" s="130" t="s">
        <v>519</v>
      </c>
    </row>
    <row r="81" spans="1:43" x14ac:dyDescent="0.25">
      <c r="A81" s="113"/>
      <c r="B81" s="113"/>
      <c r="C81" s="113"/>
      <c r="D81" s="113"/>
      <c r="E81" s="113"/>
      <c r="F81" s="113"/>
      <c r="G81" s="113"/>
      <c r="H81" s="113"/>
      <c r="I81" s="113"/>
      <c r="J81" s="113"/>
      <c r="K81" s="113"/>
      <c r="L81" s="113"/>
      <c r="M81" s="127"/>
      <c r="N81" s="127"/>
      <c r="O81" s="127"/>
      <c r="P81" s="127"/>
      <c r="Q81" s="127"/>
      <c r="R81" s="112"/>
      <c r="S81" s="112"/>
      <c r="T81" s="156" t="s">
        <v>119</v>
      </c>
      <c r="U81" s="131" t="s">
        <v>242</v>
      </c>
      <c r="V81" s="131"/>
      <c r="W81" s="131"/>
      <c r="X81" s="131"/>
      <c r="Y81" s="131">
        <v>5</v>
      </c>
      <c r="Z81" s="131"/>
      <c r="AA81" s="131"/>
      <c r="AB81" s="131"/>
      <c r="AC81" s="156" t="s">
        <v>620</v>
      </c>
      <c r="AD81" s="132"/>
      <c r="AE81" s="132"/>
      <c r="AF81" s="132"/>
      <c r="AG81" s="132"/>
      <c r="AH81" s="132"/>
      <c r="AI81" s="132"/>
      <c r="AJ81" s="157" t="s">
        <v>687</v>
      </c>
      <c r="AK81" s="156" t="s">
        <v>119</v>
      </c>
      <c r="AL81" s="131" t="s">
        <v>242</v>
      </c>
      <c r="AM81" s="157" t="s">
        <v>594</v>
      </c>
      <c r="AN81" s="131"/>
      <c r="AO81" s="157" t="s">
        <v>380</v>
      </c>
      <c r="AP81" s="157" t="s">
        <v>123</v>
      </c>
      <c r="AQ81" s="130" t="s">
        <v>646</v>
      </c>
    </row>
    <row r="82" spans="1:43" x14ac:dyDescent="0.25">
      <c r="A82" s="113"/>
      <c r="B82" s="113"/>
      <c r="C82" s="113"/>
      <c r="D82" s="113"/>
      <c r="E82" s="113"/>
      <c r="F82" s="113"/>
      <c r="G82" s="113"/>
      <c r="H82" s="113"/>
      <c r="I82" s="113"/>
      <c r="J82" s="113"/>
      <c r="K82" s="113"/>
      <c r="L82" s="113"/>
      <c r="M82" s="127"/>
      <c r="N82" s="127"/>
      <c r="O82" s="127"/>
      <c r="P82" s="127"/>
      <c r="Q82" s="127"/>
      <c r="R82" s="112"/>
      <c r="S82" s="112"/>
      <c r="T82" s="156"/>
      <c r="U82" s="131" t="s">
        <v>525</v>
      </c>
      <c r="V82" s="131"/>
      <c r="W82" s="131"/>
      <c r="X82" s="131"/>
      <c r="Y82" s="131"/>
      <c r="Z82" s="131"/>
      <c r="AA82" s="131"/>
      <c r="AB82" s="131"/>
      <c r="AC82" s="156"/>
      <c r="AD82" s="132">
        <v>4.25</v>
      </c>
      <c r="AE82" s="132">
        <v>3.25</v>
      </c>
      <c r="AF82" s="132">
        <v>4</v>
      </c>
      <c r="AG82" s="132">
        <v>3.5</v>
      </c>
      <c r="AH82" s="132">
        <v>3.5</v>
      </c>
      <c r="AI82" s="132">
        <v>4.5</v>
      </c>
      <c r="AJ82" s="157"/>
      <c r="AK82" s="156"/>
      <c r="AL82" s="131" t="s">
        <v>520</v>
      </c>
      <c r="AM82" s="157"/>
      <c r="AN82" s="131"/>
      <c r="AO82" s="157"/>
      <c r="AP82" s="157"/>
      <c r="AQ82" s="130" t="s">
        <v>520</v>
      </c>
    </row>
    <row r="83" spans="1:43" x14ac:dyDescent="0.25">
      <c r="A83" s="113"/>
      <c r="B83" s="113"/>
      <c r="C83" s="113"/>
      <c r="D83" s="113"/>
      <c r="E83" s="113"/>
      <c r="F83" s="113"/>
      <c r="G83" s="113"/>
      <c r="H83" s="113"/>
      <c r="I83" s="113"/>
      <c r="J83" s="113"/>
      <c r="K83" s="113"/>
      <c r="L83" s="113"/>
      <c r="M83" s="127"/>
      <c r="N83" s="127"/>
      <c r="O83" s="127"/>
      <c r="P83" s="127"/>
      <c r="Q83" s="127"/>
      <c r="R83" s="112"/>
      <c r="S83" s="112"/>
      <c r="T83" s="156"/>
      <c r="U83" s="131" t="s">
        <v>526</v>
      </c>
      <c r="V83" s="131"/>
      <c r="W83" s="131"/>
      <c r="X83" s="131"/>
      <c r="Y83" s="131"/>
      <c r="Z83" s="131"/>
      <c r="AA83" s="131"/>
      <c r="AB83" s="131"/>
      <c r="AC83" s="156"/>
      <c r="AD83" s="132">
        <v>4.5</v>
      </c>
      <c r="AE83" s="132">
        <v>3.5</v>
      </c>
      <c r="AF83" s="132">
        <v>4</v>
      </c>
      <c r="AG83" s="132">
        <v>4.25</v>
      </c>
      <c r="AH83" s="132">
        <v>4.25</v>
      </c>
      <c r="AI83" s="132">
        <v>4.5</v>
      </c>
      <c r="AJ83" s="157"/>
      <c r="AK83" s="156"/>
      <c r="AL83" s="131" t="s">
        <v>521</v>
      </c>
      <c r="AM83" s="157"/>
      <c r="AN83" s="131"/>
      <c r="AO83" s="157"/>
      <c r="AP83" s="157"/>
      <c r="AQ83" s="130" t="s">
        <v>521</v>
      </c>
    </row>
    <row r="84" spans="1:43" x14ac:dyDescent="0.25">
      <c r="A84" s="113"/>
      <c r="B84" s="113"/>
      <c r="C84" s="113"/>
      <c r="D84" s="113"/>
      <c r="E84" s="113"/>
      <c r="F84" s="113"/>
      <c r="G84" s="113"/>
      <c r="H84" s="113"/>
      <c r="I84" s="113"/>
      <c r="J84" s="113"/>
      <c r="K84" s="113"/>
      <c r="L84" s="113"/>
      <c r="M84" s="127"/>
      <c r="N84" s="127"/>
      <c r="O84" s="127"/>
      <c r="P84" s="127"/>
      <c r="Q84" s="127"/>
      <c r="R84" s="112"/>
      <c r="S84" s="112"/>
      <c r="T84" s="156"/>
      <c r="U84" s="131" t="s">
        <v>527</v>
      </c>
      <c r="V84" s="131"/>
      <c r="W84" s="131"/>
      <c r="X84" s="131"/>
      <c r="Y84" s="131"/>
      <c r="Z84" s="131"/>
      <c r="AA84" s="131"/>
      <c r="AB84" s="131"/>
      <c r="AC84" s="156"/>
      <c r="AD84" s="132">
        <v>4.5</v>
      </c>
      <c r="AE84" s="132">
        <v>3.5</v>
      </c>
      <c r="AF84" s="132">
        <v>3.75</v>
      </c>
      <c r="AG84" s="132">
        <v>3.5</v>
      </c>
      <c r="AH84" s="132">
        <v>3.75</v>
      </c>
      <c r="AI84" s="132">
        <v>3.75</v>
      </c>
      <c r="AJ84" s="157"/>
      <c r="AK84" s="156"/>
      <c r="AL84" s="131" t="s">
        <v>522</v>
      </c>
      <c r="AM84" s="157"/>
      <c r="AN84" s="131"/>
      <c r="AO84" s="157"/>
      <c r="AP84" s="157"/>
      <c r="AQ84" s="130" t="s">
        <v>522</v>
      </c>
    </row>
    <row r="85" spans="1:43" x14ac:dyDescent="0.25">
      <c r="A85" s="113"/>
      <c r="B85" s="113"/>
      <c r="C85" s="113"/>
      <c r="D85" s="113"/>
      <c r="E85" s="113"/>
      <c r="F85" s="113"/>
      <c r="G85" s="113"/>
      <c r="H85" s="113"/>
      <c r="I85" s="113"/>
      <c r="J85" s="113"/>
      <c r="K85" s="113"/>
      <c r="L85" s="113"/>
      <c r="M85" s="127"/>
      <c r="N85" s="127"/>
      <c r="O85" s="127"/>
      <c r="P85" s="127"/>
      <c r="Q85" s="127"/>
      <c r="R85" s="112"/>
      <c r="S85" s="112"/>
      <c r="T85" s="156"/>
      <c r="U85" s="131" t="s">
        <v>528</v>
      </c>
      <c r="V85" s="131"/>
      <c r="W85" s="131"/>
      <c r="X85" s="131"/>
      <c r="Y85" s="131"/>
      <c r="Z85" s="131"/>
      <c r="AA85" s="131"/>
      <c r="AB85" s="131"/>
      <c r="AC85" s="156"/>
      <c r="AD85" s="132">
        <v>4.75</v>
      </c>
      <c r="AE85" s="132">
        <v>3.75</v>
      </c>
      <c r="AF85" s="132">
        <v>4.25</v>
      </c>
      <c r="AG85" s="132">
        <v>4.25</v>
      </c>
      <c r="AH85" s="132">
        <v>4.25</v>
      </c>
      <c r="AI85" s="132">
        <v>4.25</v>
      </c>
      <c r="AJ85" s="157"/>
      <c r="AK85" s="156"/>
      <c r="AL85" s="131" t="s">
        <v>98</v>
      </c>
      <c r="AM85" s="157"/>
      <c r="AN85" s="131"/>
      <c r="AO85" s="157"/>
      <c r="AP85" s="157"/>
      <c r="AQ85" s="130" t="s">
        <v>98</v>
      </c>
    </row>
    <row r="86" spans="1:43" x14ac:dyDescent="0.25">
      <c r="A86" s="113"/>
      <c r="B86" s="113"/>
      <c r="C86" s="113"/>
      <c r="D86" s="113"/>
      <c r="E86" s="113"/>
      <c r="F86" s="113"/>
      <c r="G86" s="113"/>
      <c r="H86" s="113"/>
      <c r="I86" s="113"/>
      <c r="J86" s="113"/>
      <c r="K86" s="113"/>
      <c r="L86" s="113"/>
      <c r="M86" s="127"/>
      <c r="N86" s="127"/>
      <c r="O86" s="127"/>
      <c r="P86" s="127"/>
      <c r="Q86" s="127"/>
      <c r="R86" s="112"/>
      <c r="S86" s="112"/>
      <c r="T86" s="156"/>
      <c r="U86" s="131" t="s">
        <v>529</v>
      </c>
      <c r="V86" s="131"/>
      <c r="W86" s="131"/>
      <c r="X86" s="131"/>
      <c r="Y86" s="131"/>
      <c r="Z86" s="131"/>
      <c r="AA86" s="131"/>
      <c r="AB86" s="131"/>
      <c r="AC86" s="156"/>
      <c r="AD86" s="132">
        <v>4.75</v>
      </c>
      <c r="AE86" s="132">
        <v>3.75</v>
      </c>
      <c r="AF86" s="132">
        <v>4.25</v>
      </c>
      <c r="AG86" s="132">
        <v>3.75</v>
      </c>
      <c r="AH86" s="132">
        <v>3.75</v>
      </c>
      <c r="AI86" s="132">
        <v>4.25</v>
      </c>
      <c r="AJ86" s="157"/>
      <c r="AK86" s="156"/>
      <c r="AL86" s="131" t="s">
        <v>523</v>
      </c>
      <c r="AM86" s="157"/>
      <c r="AN86" s="131"/>
      <c r="AO86" s="157"/>
      <c r="AP86" s="157"/>
      <c r="AQ86" s="130" t="s">
        <v>523</v>
      </c>
    </row>
    <row r="87" spans="1:43" x14ac:dyDescent="0.25">
      <c r="A87" s="113"/>
      <c r="B87" s="113"/>
      <c r="C87" s="113"/>
      <c r="D87" s="113"/>
      <c r="E87" s="113"/>
      <c r="F87" s="113"/>
      <c r="G87" s="113"/>
      <c r="H87" s="113"/>
      <c r="I87" s="113"/>
      <c r="J87" s="113"/>
      <c r="K87" s="113"/>
      <c r="L87" s="113"/>
      <c r="M87" s="127"/>
      <c r="N87" s="127"/>
      <c r="O87" s="127"/>
      <c r="P87" s="127"/>
      <c r="Q87" s="127"/>
      <c r="R87" s="112"/>
      <c r="S87" s="112"/>
      <c r="T87" s="156"/>
      <c r="U87" s="131" t="s">
        <v>530</v>
      </c>
      <c r="V87" s="131"/>
      <c r="W87" s="131"/>
      <c r="X87" s="131"/>
      <c r="Y87" s="131"/>
      <c r="Z87" s="131"/>
      <c r="AA87" s="131"/>
      <c r="AB87" s="131"/>
      <c r="AC87" s="156"/>
      <c r="AD87" s="132">
        <v>4.75</v>
      </c>
      <c r="AE87" s="132">
        <v>3.25</v>
      </c>
      <c r="AF87" s="132">
        <v>3.75</v>
      </c>
      <c r="AG87" s="132">
        <v>3.75</v>
      </c>
      <c r="AH87" s="132">
        <v>3.75</v>
      </c>
      <c r="AI87" s="132">
        <v>3.75</v>
      </c>
      <c r="AJ87" s="157"/>
      <c r="AK87" s="156"/>
      <c r="AL87" s="131" t="s">
        <v>524</v>
      </c>
      <c r="AM87" s="157"/>
      <c r="AN87" s="131"/>
      <c r="AO87" s="157"/>
      <c r="AP87" s="157"/>
      <c r="AQ87" s="130" t="s">
        <v>524</v>
      </c>
    </row>
    <row r="88" spans="1:43" x14ac:dyDescent="0.25">
      <c r="A88" s="113"/>
      <c r="B88" s="113"/>
      <c r="C88" s="113"/>
      <c r="D88" s="113"/>
      <c r="E88" s="113"/>
      <c r="F88" s="113"/>
      <c r="G88" s="113"/>
      <c r="H88" s="113"/>
      <c r="I88" s="113"/>
      <c r="J88" s="113"/>
      <c r="K88" s="113"/>
      <c r="L88" s="113"/>
      <c r="M88" s="127"/>
      <c r="N88" s="127"/>
      <c r="O88" s="127"/>
      <c r="P88" s="127"/>
      <c r="Q88" s="127"/>
      <c r="R88" s="112"/>
      <c r="S88" s="112"/>
      <c r="T88" s="156"/>
      <c r="U88" s="131"/>
      <c r="V88" s="131"/>
      <c r="W88" s="131"/>
      <c r="X88" s="131"/>
      <c r="Y88" s="131"/>
      <c r="Z88" s="131"/>
      <c r="AA88" s="131"/>
      <c r="AB88" s="131"/>
      <c r="AC88" s="156"/>
      <c r="AD88" s="132"/>
      <c r="AE88" s="132"/>
      <c r="AF88" s="132"/>
      <c r="AG88" s="132"/>
      <c r="AH88" s="132"/>
      <c r="AI88" s="132"/>
      <c r="AJ88" s="157"/>
      <c r="AK88" s="156"/>
      <c r="AL88" s="131" t="s">
        <v>519</v>
      </c>
      <c r="AM88" s="157"/>
      <c r="AN88" s="131"/>
      <c r="AO88" s="157"/>
      <c r="AP88" s="157"/>
      <c r="AQ88" s="130" t="s">
        <v>519</v>
      </c>
    </row>
    <row r="89" spans="1:43" x14ac:dyDescent="0.25">
      <c r="A89" s="113"/>
      <c r="B89" s="113"/>
      <c r="C89" s="113"/>
      <c r="D89" s="113"/>
      <c r="E89" s="113"/>
      <c r="F89" s="113"/>
      <c r="G89" s="113"/>
      <c r="H89" s="113"/>
      <c r="I89" s="113"/>
      <c r="J89" s="113"/>
      <c r="K89" s="113"/>
      <c r="L89" s="113"/>
      <c r="M89" s="127"/>
      <c r="N89" s="127"/>
      <c r="O89" s="127"/>
      <c r="P89" s="127"/>
      <c r="Q89" s="127"/>
      <c r="R89" s="112"/>
      <c r="S89" s="112"/>
      <c r="T89" s="156" t="s">
        <v>123</v>
      </c>
      <c r="U89" s="131" t="s">
        <v>249</v>
      </c>
      <c r="V89" s="131"/>
      <c r="W89" s="131"/>
      <c r="X89" s="131"/>
      <c r="Y89" s="131">
        <v>5</v>
      </c>
      <c r="Z89" s="131"/>
      <c r="AA89" s="131"/>
      <c r="AB89" s="131"/>
      <c r="AC89" s="156" t="s">
        <v>621</v>
      </c>
      <c r="AD89" s="132"/>
      <c r="AE89" s="132"/>
      <c r="AF89" s="132"/>
      <c r="AG89" s="132"/>
      <c r="AH89" s="132"/>
      <c r="AI89" s="132"/>
      <c r="AJ89" s="157" t="s">
        <v>686</v>
      </c>
      <c r="AK89" s="156" t="s">
        <v>123</v>
      </c>
      <c r="AL89" s="131" t="s">
        <v>249</v>
      </c>
      <c r="AM89" s="157" t="s">
        <v>595</v>
      </c>
      <c r="AN89" s="131"/>
      <c r="AO89" s="157" t="s">
        <v>380</v>
      </c>
      <c r="AP89" s="157" t="s">
        <v>127</v>
      </c>
      <c r="AQ89" s="130" t="s">
        <v>249</v>
      </c>
    </row>
    <row r="90" spans="1:43" x14ac:dyDescent="0.25">
      <c r="A90" s="113"/>
      <c r="B90" s="113"/>
      <c r="C90" s="113"/>
      <c r="D90" s="113"/>
      <c r="E90" s="113"/>
      <c r="F90" s="113"/>
      <c r="G90" s="113"/>
      <c r="H90" s="113"/>
      <c r="I90" s="113"/>
      <c r="J90" s="113"/>
      <c r="K90" s="113"/>
      <c r="L90" s="113"/>
      <c r="M90" s="127"/>
      <c r="N90" s="127"/>
      <c r="O90" s="127"/>
      <c r="P90" s="127"/>
      <c r="Q90" s="127"/>
      <c r="R90" s="112"/>
      <c r="S90" s="112"/>
      <c r="T90" s="156"/>
      <c r="U90" s="131" t="s">
        <v>520</v>
      </c>
      <c r="V90" s="131"/>
      <c r="W90" s="131"/>
      <c r="X90" s="131"/>
      <c r="Y90" s="131"/>
      <c r="Z90" s="131"/>
      <c r="AA90" s="131"/>
      <c r="AB90" s="131"/>
      <c r="AC90" s="156"/>
      <c r="AD90" s="132">
        <v>4.5</v>
      </c>
      <c r="AE90" s="132">
        <v>4.25</v>
      </c>
      <c r="AF90" s="132">
        <v>3.25</v>
      </c>
      <c r="AG90" s="132">
        <v>3.5</v>
      </c>
      <c r="AH90" s="132">
        <v>3.5</v>
      </c>
      <c r="AI90" s="132">
        <v>4.25</v>
      </c>
      <c r="AJ90" s="157"/>
      <c r="AK90" s="156"/>
      <c r="AL90" s="131" t="s">
        <v>520</v>
      </c>
      <c r="AM90" s="157"/>
      <c r="AN90" s="131"/>
      <c r="AO90" s="157"/>
      <c r="AP90" s="157"/>
      <c r="AQ90" s="130" t="s">
        <v>520</v>
      </c>
    </row>
    <row r="91" spans="1:43" x14ac:dyDescent="0.25">
      <c r="A91" s="113"/>
      <c r="B91" s="113"/>
      <c r="C91" s="113"/>
      <c r="D91" s="113"/>
      <c r="E91" s="113"/>
      <c r="F91" s="113"/>
      <c r="G91" s="113"/>
      <c r="H91" s="113"/>
      <c r="I91" s="113"/>
      <c r="J91" s="113"/>
      <c r="K91" s="113"/>
      <c r="L91" s="113"/>
      <c r="M91" s="127"/>
      <c r="N91" s="127"/>
      <c r="O91" s="127"/>
      <c r="P91" s="127"/>
      <c r="Q91" s="127"/>
      <c r="R91" s="128"/>
      <c r="S91" s="128"/>
      <c r="T91" s="156"/>
      <c r="U91" s="131" t="s">
        <v>521</v>
      </c>
      <c r="V91" s="131"/>
      <c r="W91" s="131"/>
      <c r="X91" s="131"/>
      <c r="Y91" s="131"/>
      <c r="Z91" s="131"/>
      <c r="AA91" s="131"/>
      <c r="AB91" s="131"/>
      <c r="AC91" s="156"/>
      <c r="AD91" s="132">
        <v>4.5</v>
      </c>
      <c r="AE91" s="132">
        <v>4.25</v>
      </c>
      <c r="AF91" s="132">
        <v>3.25</v>
      </c>
      <c r="AG91" s="132">
        <v>4.25</v>
      </c>
      <c r="AH91" s="132">
        <v>4.25</v>
      </c>
      <c r="AI91" s="132">
        <v>4.25</v>
      </c>
      <c r="AJ91" s="157"/>
      <c r="AK91" s="156"/>
      <c r="AL91" s="131" t="s">
        <v>521</v>
      </c>
      <c r="AM91" s="157"/>
      <c r="AN91" s="131"/>
      <c r="AO91" s="157"/>
      <c r="AP91" s="157"/>
      <c r="AQ91" s="130" t="s">
        <v>521</v>
      </c>
    </row>
    <row r="92" spans="1:43" x14ac:dyDescent="0.25">
      <c r="A92" s="113"/>
      <c r="B92" s="113"/>
      <c r="C92" s="113"/>
      <c r="D92" s="113"/>
      <c r="E92" s="113"/>
      <c r="F92" s="113"/>
      <c r="G92" s="113"/>
      <c r="H92" s="113"/>
      <c r="I92" s="113"/>
      <c r="J92" s="113"/>
      <c r="K92" s="113"/>
      <c r="L92" s="113"/>
      <c r="M92" s="111"/>
      <c r="N92" s="111"/>
      <c r="O92" s="111"/>
      <c r="P92" s="111"/>
      <c r="Q92" s="111"/>
      <c r="R92" s="112"/>
      <c r="S92" s="112"/>
      <c r="T92" s="156"/>
      <c r="U92" s="131" t="s">
        <v>522</v>
      </c>
      <c r="V92" s="131"/>
      <c r="W92" s="131"/>
      <c r="X92" s="131"/>
      <c r="Y92" s="131"/>
      <c r="Z92" s="131"/>
      <c r="AA92" s="131"/>
      <c r="AB92" s="131"/>
      <c r="AC92" s="156"/>
      <c r="AD92" s="132">
        <v>4.5</v>
      </c>
      <c r="AE92" s="132">
        <v>4.25</v>
      </c>
      <c r="AF92" s="132">
        <v>2.75</v>
      </c>
      <c r="AG92" s="132">
        <v>3.5</v>
      </c>
      <c r="AH92" s="132">
        <v>3.75</v>
      </c>
      <c r="AI92" s="132">
        <v>3.5</v>
      </c>
      <c r="AJ92" s="157"/>
      <c r="AK92" s="156"/>
      <c r="AL92" s="131" t="s">
        <v>522</v>
      </c>
      <c r="AM92" s="157"/>
      <c r="AN92" s="131"/>
      <c r="AO92" s="157"/>
      <c r="AP92" s="157"/>
      <c r="AQ92" s="130" t="s">
        <v>522</v>
      </c>
    </row>
    <row r="93" spans="1:43" x14ac:dyDescent="0.25">
      <c r="A93" s="113"/>
      <c r="B93" s="113"/>
      <c r="C93" s="113"/>
      <c r="D93" s="113"/>
      <c r="E93" s="113"/>
      <c r="F93" s="113"/>
      <c r="G93" s="113"/>
      <c r="H93" s="113"/>
      <c r="I93" s="113"/>
      <c r="J93" s="113"/>
      <c r="K93" s="113"/>
      <c r="L93" s="113"/>
      <c r="M93" s="111"/>
      <c r="N93" s="111"/>
      <c r="O93" s="111"/>
      <c r="P93" s="111"/>
      <c r="Q93" s="111"/>
      <c r="R93" s="112"/>
      <c r="S93" s="112"/>
      <c r="T93" s="156"/>
      <c r="U93" s="131" t="s">
        <v>98</v>
      </c>
      <c r="V93" s="131"/>
      <c r="W93" s="131"/>
      <c r="X93" s="131"/>
      <c r="Y93" s="131"/>
      <c r="Z93" s="131"/>
      <c r="AA93" s="131"/>
      <c r="AB93" s="131"/>
      <c r="AC93" s="156"/>
      <c r="AD93" s="132">
        <v>4.5</v>
      </c>
      <c r="AE93" s="132">
        <v>4.25</v>
      </c>
      <c r="AF93" s="132">
        <v>3.25</v>
      </c>
      <c r="AG93" s="132">
        <v>4.25</v>
      </c>
      <c r="AH93" s="132">
        <v>4.25</v>
      </c>
      <c r="AI93" s="132">
        <v>4</v>
      </c>
      <c r="AJ93" s="157"/>
      <c r="AK93" s="156"/>
      <c r="AL93" s="131" t="s">
        <v>98</v>
      </c>
      <c r="AM93" s="157"/>
      <c r="AN93" s="131"/>
      <c r="AO93" s="157"/>
      <c r="AP93" s="157"/>
      <c r="AQ93" s="130" t="s">
        <v>98</v>
      </c>
    </row>
    <row r="94" spans="1:43" x14ac:dyDescent="0.25">
      <c r="A94" s="113"/>
      <c r="B94" s="113"/>
      <c r="C94" s="113"/>
      <c r="D94" s="113"/>
      <c r="E94" s="113"/>
      <c r="F94" s="113"/>
      <c r="G94" s="113"/>
      <c r="H94" s="113"/>
      <c r="I94" s="113"/>
      <c r="J94" s="113"/>
      <c r="K94" s="113"/>
      <c r="L94" s="113"/>
      <c r="M94" s="111"/>
      <c r="N94" s="111"/>
      <c r="O94" s="111"/>
      <c r="P94" s="111"/>
      <c r="Q94" s="111"/>
      <c r="R94" s="112"/>
      <c r="S94" s="112"/>
      <c r="T94" s="156"/>
      <c r="U94" s="131" t="s">
        <v>523</v>
      </c>
      <c r="V94" s="131"/>
      <c r="W94" s="131"/>
      <c r="X94" s="131"/>
      <c r="Y94" s="131"/>
      <c r="Z94" s="131"/>
      <c r="AA94" s="131"/>
      <c r="AB94" s="131"/>
      <c r="AC94" s="156"/>
      <c r="AD94" s="132">
        <v>4.5</v>
      </c>
      <c r="AE94" s="132">
        <v>4.25</v>
      </c>
      <c r="AF94" s="132">
        <v>3.25</v>
      </c>
      <c r="AG94" s="132">
        <v>3.75</v>
      </c>
      <c r="AH94" s="132">
        <v>3.75</v>
      </c>
      <c r="AI94" s="132">
        <v>4</v>
      </c>
      <c r="AJ94" s="157"/>
      <c r="AK94" s="156"/>
      <c r="AL94" s="131" t="s">
        <v>523</v>
      </c>
      <c r="AM94" s="157"/>
      <c r="AN94" s="131"/>
      <c r="AO94" s="157"/>
      <c r="AP94" s="157"/>
      <c r="AQ94" s="130" t="s">
        <v>523</v>
      </c>
    </row>
    <row r="95" spans="1:43" x14ac:dyDescent="0.25">
      <c r="A95" s="113"/>
      <c r="B95" s="113"/>
      <c r="C95" s="113"/>
      <c r="D95" s="113"/>
      <c r="E95" s="113"/>
      <c r="F95" s="113"/>
      <c r="G95" s="113"/>
      <c r="H95" s="113"/>
      <c r="I95" s="113"/>
      <c r="J95" s="113"/>
      <c r="K95" s="113"/>
      <c r="L95" s="113"/>
      <c r="M95" s="111"/>
      <c r="N95" s="111"/>
      <c r="O95" s="111"/>
      <c r="P95" s="111"/>
      <c r="Q95" s="111"/>
      <c r="R95" s="112"/>
      <c r="S95" s="112"/>
      <c r="T95" s="156"/>
      <c r="U95" s="131" t="s">
        <v>524</v>
      </c>
      <c r="V95" s="131"/>
      <c r="W95" s="131"/>
      <c r="X95" s="131"/>
      <c r="Y95" s="131"/>
      <c r="Z95" s="131"/>
      <c r="AA95" s="131"/>
      <c r="AB95" s="131"/>
      <c r="AC95" s="156"/>
      <c r="AD95" s="132">
        <v>4.5</v>
      </c>
      <c r="AE95" s="132">
        <v>3.75</v>
      </c>
      <c r="AF95" s="132">
        <v>2.75</v>
      </c>
      <c r="AG95" s="132">
        <v>4</v>
      </c>
      <c r="AH95" s="132">
        <v>3.75</v>
      </c>
      <c r="AI95" s="132">
        <v>3.5</v>
      </c>
      <c r="AJ95" s="157"/>
      <c r="AK95" s="156"/>
      <c r="AL95" s="131" t="s">
        <v>524</v>
      </c>
      <c r="AM95" s="157"/>
      <c r="AN95" s="131"/>
      <c r="AO95" s="157"/>
      <c r="AP95" s="157"/>
      <c r="AQ95" s="130" t="s">
        <v>524</v>
      </c>
    </row>
    <row r="96" spans="1:43" x14ac:dyDescent="0.25">
      <c r="A96" s="113"/>
      <c r="B96" s="113"/>
      <c r="C96" s="113"/>
      <c r="D96" s="113"/>
      <c r="E96" s="113"/>
      <c r="F96" s="113"/>
      <c r="G96" s="113"/>
      <c r="H96" s="113"/>
      <c r="I96" s="113"/>
      <c r="J96" s="113"/>
      <c r="K96" s="113"/>
      <c r="L96" s="113"/>
      <c r="M96" s="111"/>
      <c r="N96" s="111"/>
      <c r="O96" s="111"/>
      <c r="P96" s="111"/>
      <c r="Q96" s="111"/>
      <c r="R96" s="112"/>
      <c r="S96" s="112"/>
      <c r="T96" s="156"/>
      <c r="U96" s="131"/>
      <c r="V96" s="131"/>
      <c r="W96" s="131"/>
      <c r="X96" s="131"/>
      <c r="Y96" s="131"/>
      <c r="Z96" s="131"/>
      <c r="AA96" s="131"/>
      <c r="AB96" s="131"/>
      <c r="AC96" s="156"/>
      <c r="AD96" s="132"/>
      <c r="AE96" s="132"/>
      <c r="AF96" s="132"/>
      <c r="AG96" s="132"/>
      <c r="AH96" s="132"/>
      <c r="AI96" s="132"/>
      <c r="AJ96" s="157"/>
      <c r="AK96" s="156"/>
      <c r="AL96" s="131" t="s">
        <v>519</v>
      </c>
      <c r="AM96" s="157"/>
      <c r="AN96" s="131"/>
      <c r="AO96" s="157"/>
      <c r="AP96" s="157"/>
      <c r="AQ96" s="130" t="s">
        <v>519</v>
      </c>
    </row>
    <row r="97" spans="1:43" x14ac:dyDescent="0.25">
      <c r="A97" s="113"/>
      <c r="B97" s="113"/>
      <c r="C97" s="113"/>
      <c r="D97" s="113"/>
      <c r="E97" s="113"/>
      <c r="F97" s="113"/>
      <c r="G97" s="113"/>
      <c r="H97" s="113"/>
      <c r="I97" s="113"/>
      <c r="J97" s="113"/>
      <c r="K97" s="113"/>
      <c r="L97" s="113"/>
      <c r="M97" s="111"/>
      <c r="N97" s="111"/>
      <c r="O97" s="111"/>
      <c r="P97" s="111"/>
      <c r="Q97" s="111"/>
      <c r="R97" s="112"/>
      <c r="S97" s="112"/>
      <c r="T97" s="156" t="s">
        <v>127</v>
      </c>
      <c r="U97" s="131" t="s">
        <v>251</v>
      </c>
      <c r="V97" s="131"/>
      <c r="W97" s="131"/>
      <c r="X97" s="131"/>
      <c r="Y97" s="131">
        <v>5</v>
      </c>
      <c r="Z97" s="131"/>
      <c r="AA97" s="131"/>
      <c r="AB97" s="131"/>
      <c r="AC97" s="156" t="s">
        <v>622</v>
      </c>
      <c r="AD97" s="132"/>
      <c r="AE97" s="132"/>
      <c r="AF97" s="132"/>
      <c r="AG97" s="132"/>
      <c r="AH97" s="132"/>
      <c r="AI97" s="132"/>
      <c r="AJ97" s="157" t="s">
        <v>685</v>
      </c>
      <c r="AK97" s="156" t="s">
        <v>127</v>
      </c>
      <c r="AL97" s="131" t="s">
        <v>251</v>
      </c>
      <c r="AM97" s="157" t="s">
        <v>595</v>
      </c>
      <c r="AN97" s="131"/>
      <c r="AO97" s="130" t="s">
        <v>380</v>
      </c>
      <c r="AP97" s="130" t="s">
        <v>131</v>
      </c>
      <c r="AQ97" s="130" t="s">
        <v>647</v>
      </c>
    </row>
    <row r="98" spans="1:43" x14ac:dyDescent="0.25">
      <c r="A98" s="113"/>
      <c r="B98" s="113"/>
      <c r="C98" s="113"/>
      <c r="D98" s="113"/>
      <c r="E98" s="113"/>
      <c r="F98" s="113"/>
      <c r="G98" s="113"/>
      <c r="H98" s="113"/>
      <c r="I98" s="113"/>
      <c r="J98" s="113"/>
      <c r="K98" s="113"/>
      <c r="L98" s="113"/>
      <c r="M98" s="111"/>
      <c r="N98" s="111"/>
      <c r="O98" s="111"/>
      <c r="P98" s="111"/>
      <c r="Q98" s="111"/>
      <c r="R98" s="112"/>
      <c r="S98" s="112"/>
      <c r="T98" s="156"/>
      <c r="U98" s="131" t="s">
        <v>520</v>
      </c>
      <c r="V98" s="131"/>
      <c r="W98" s="131"/>
      <c r="X98" s="131"/>
      <c r="Y98" s="131"/>
      <c r="Z98" s="131"/>
      <c r="AA98" s="131"/>
      <c r="AB98" s="131"/>
      <c r="AC98" s="156"/>
      <c r="AD98" s="132">
        <v>4.75</v>
      </c>
      <c r="AE98" s="132">
        <v>4.5</v>
      </c>
      <c r="AF98" s="132">
        <v>3.5</v>
      </c>
      <c r="AG98" s="132">
        <v>3.25</v>
      </c>
      <c r="AH98" s="132">
        <v>4.25</v>
      </c>
      <c r="AI98" s="132">
        <v>4.5</v>
      </c>
      <c r="AJ98" s="157"/>
      <c r="AK98" s="156"/>
      <c r="AL98" s="131" t="s">
        <v>520</v>
      </c>
      <c r="AM98" s="157"/>
      <c r="AN98" s="131"/>
      <c r="AO98" s="130"/>
      <c r="AP98" s="130"/>
      <c r="AQ98" s="130" t="s">
        <v>520</v>
      </c>
    </row>
    <row r="99" spans="1:43" x14ac:dyDescent="0.25">
      <c r="A99" s="113"/>
      <c r="B99" s="113"/>
      <c r="C99" s="113"/>
      <c r="D99" s="113"/>
      <c r="E99" s="113"/>
      <c r="F99" s="113"/>
      <c r="G99" s="113"/>
      <c r="H99" s="113"/>
      <c r="I99" s="113"/>
      <c r="J99" s="113"/>
      <c r="K99" s="113"/>
      <c r="L99" s="113"/>
      <c r="M99" s="111"/>
      <c r="N99" s="111"/>
      <c r="O99" s="111"/>
      <c r="P99" s="111"/>
      <c r="Q99" s="111"/>
      <c r="R99" s="112"/>
      <c r="S99" s="112"/>
      <c r="T99" s="156"/>
      <c r="U99" s="131" t="s">
        <v>521</v>
      </c>
      <c r="V99" s="131"/>
      <c r="W99" s="131"/>
      <c r="X99" s="131"/>
      <c r="Y99" s="131"/>
      <c r="Z99" s="131"/>
      <c r="AA99" s="131"/>
      <c r="AB99" s="131"/>
      <c r="AC99" s="156"/>
      <c r="AD99" s="132">
        <v>4.75</v>
      </c>
      <c r="AE99" s="132">
        <v>4.5</v>
      </c>
      <c r="AF99" s="132">
        <v>3.5</v>
      </c>
      <c r="AG99" s="132">
        <v>4</v>
      </c>
      <c r="AH99" s="132">
        <v>4.25</v>
      </c>
      <c r="AI99" s="132">
        <v>4.5</v>
      </c>
      <c r="AJ99" s="157"/>
      <c r="AK99" s="156"/>
      <c r="AL99" s="131" t="s">
        <v>521</v>
      </c>
      <c r="AM99" s="157"/>
      <c r="AN99" s="131"/>
      <c r="AO99" s="130"/>
      <c r="AP99" s="130"/>
      <c r="AQ99" s="130" t="s">
        <v>521</v>
      </c>
    </row>
    <row r="100" spans="1:43" x14ac:dyDescent="0.25">
      <c r="A100" s="113"/>
      <c r="B100" s="113"/>
      <c r="C100" s="113"/>
      <c r="D100" s="113"/>
      <c r="E100" s="113"/>
      <c r="F100" s="113"/>
      <c r="G100" s="113"/>
      <c r="H100" s="113"/>
      <c r="I100" s="113"/>
      <c r="J100" s="113"/>
      <c r="K100" s="113"/>
      <c r="L100" s="113"/>
      <c r="M100" s="111"/>
      <c r="N100" s="111"/>
      <c r="O100" s="111"/>
      <c r="P100" s="111"/>
      <c r="Q100" s="111"/>
      <c r="R100" s="112"/>
      <c r="S100" s="112"/>
      <c r="T100" s="156"/>
      <c r="U100" s="131" t="s">
        <v>522</v>
      </c>
      <c r="V100" s="131"/>
      <c r="W100" s="131"/>
      <c r="X100" s="131"/>
      <c r="Y100" s="131"/>
      <c r="Z100" s="131"/>
      <c r="AA100" s="131"/>
      <c r="AB100" s="131"/>
      <c r="AC100" s="156"/>
      <c r="AD100" s="132">
        <v>4.75</v>
      </c>
      <c r="AE100" s="132">
        <v>4.25</v>
      </c>
      <c r="AF100" s="132">
        <v>3</v>
      </c>
      <c r="AG100" s="132">
        <v>3</v>
      </c>
      <c r="AH100" s="132">
        <v>4.25</v>
      </c>
      <c r="AI100" s="132">
        <v>3.75</v>
      </c>
      <c r="AJ100" s="157"/>
      <c r="AK100" s="156"/>
      <c r="AL100" s="131" t="s">
        <v>522</v>
      </c>
      <c r="AM100" s="157"/>
      <c r="AN100" s="131"/>
      <c r="AO100" s="130"/>
      <c r="AP100" s="130"/>
      <c r="AQ100" s="130" t="s">
        <v>522</v>
      </c>
    </row>
    <row r="101" spans="1:43" x14ac:dyDescent="0.25">
      <c r="A101" s="113"/>
      <c r="B101" s="113"/>
      <c r="C101" s="113"/>
      <c r="D101" s="113"/>
      <c r="E101" s="113"/>
      <c r="F101" s="113"/>
      <c r="G101" s="113"/>
      <c r="H101" s="113"/>
      <c r="I101" s="113"/>
      <c r="J101" s="113"/>
      <c r="K101" s="113"/>
      <c r="L101" s="113"/>
      <c r="M101" s="111"/>
      <c r="N101" s="111"/>
      <c r="O101" s="111"/>
      <c r="P101" s="111"/>
      <c r="Q101" s="111"/>
      <c r="R101" s="112"/>
      <c r="S101" s="112"/>
      <c r="T101" s="156"/>
      <c r="U101" s="131" t="s">
        <v>98</v>
      </c>
      <c r="V101" s="131"/>
      <c r="W101" s="131"/>
      <c r="X101" s="131"/>
      <c r="Y101" s="131"/>
      <c r="Z101" s="131"/>
      <c r="AA101" s="131"/>
      <c r="AB101" s="131"/>
      <c r="AC101" s="156"/>
      <c r="AD101" s="132">
        <v>4.75</v>
      </c>
      <c r="AE101" s="132">
        <v>4.5</v>
      </c>
      <c r="AF101" s="132">
        <v>3.5</v>
      </c>
      <c r="AG101" s="132">
        <v>4</v>
      </c>
      <c r="AH101" s="132">
        <v>4.25</v>
      </c>
      <c r="AI101" s="132">
        <v>4.5</v>
      </c>
      <c r="AJ101" s="157"/>
      <c r="AK101" s="156"/>
      <c r="AL101" s="131" t="s">
        <v>98</v>
      </c>
      <c r="AM101" s="157"/>
      <c r="AN101" s="131"/>
      <c r="AO101" s="130"/>
      <c r="AP101" s="130"/>
      <c r="AQ101" s="130" t="s">
        <v>98</v>
      </c>
    </row>
    <row r="102" spans="1:43" x14ac:dyDescent="0.25">
      <c r="A102" s="113"/>
      <c r="B102" s="113"/>
      <c r="C102" s="113"/>
      <c r="D102" s="113"/>
      <c r="E102" s="113"/>
      <c r="F102" s="113"/>
      <c r="G102" s="113"/>
      <c r="H102" s="113"/>
      <c r="I102" s="113"/>
      <c r="J102" s="113"/>
      <c r="K102" s="113"/>
      <c r="L102" s="113"/>
      <c r="M102" s="111"/>
      <c r="N102" s="111"/>
      <c r="O102" s="111"/>
      <c r="P102" s="111"/>
      <c r="Q102" s="111"/>
      <c r="R102" s="112"/>
      <c r="S102" s="112"/>
      <c r="T102" s="156"/>
      <c r="U102" s="131" t="s">
        <v>523</v>
      </c>
      <c r="V102" s="131"/>
      <c r="W102" s="131"/>
      <c r="X102" s="131"/>
      <c r="Y102" s="131"/>
      <c r="Z102" s="131"/>
      <c r="AA102" s="131"/>
      <c r="AB102" s="131"/>
      <c r="AC102" s="156"/>
      <c r="AD102" s="132">
        <v>4.75</v>
      </c>
      <c r="AE102" s="132">
        <v>4.75</v>
      </c>
      <c r="AF102" s="132">
        <v>3.5</v>
      </c>
      <c r="AG102" s="132">
        <v>4</v>
      </c>
      <c r="AH102" s="132">
        <v>4.25</v>
      </c>
      <c r="AI102" s="132">
        <v>4.75</v>
      </c>
      <c r="AJ102" s="157"/>
      <c r="AK102" s="156"/>
      <c r="AL102" s="131" t="s">
        <v>523</v>
      </c>
      <c r="AM102" s="157"/>
      <c r="AN102" s="131"/>
      <c r="AO102" s="130"/>
      <c r="AP102" s="130"/>
      <c r="AQ102" s="130" t="s">
        <v>523</v>
      </c>
    </row>
    <row r="103" spans="1:43" x14ac:dyDescent="0.25">
      <c r="A103" s="113"/>
      <c r="B103" s="113"/>
      <c r="C103" s="113"/>
      <c r="D103" s="113"/>
      <c r="E103" s="113"/>
      <c r="F103" s="113"/>
      <c r="G103" s="113"/>
      <c r="H103" s="113"/>
      <c r="I103" s="113"/>
      <c r="J103" s="113"/>
      <c r="K103" s="113"/>
      <c r="L103" s="113"/>
      <c r="M103" s="111"/>
      <c r="N103" s="111"/>
      <c r="O103" s="111"/>
      <c r="P103" s="111"/>
      <c r="Q103" s="111"/>
      <c r="R103" s="112"/>
      <c r="S103" s="112"/>
      <c r="T103" s="156"/>
      <c r="U103" s="131" t="s">
        <v>524</v>
      </c>
      <c r="V103" s="131"/>
      <c r="W103" s="131"/>
      <c r="X103" s="131"/>
      <c r="Y103" s="131"/>
      <c r="Z103" s="131"/>
      <c r="AA103" s="131"/>
      <c r="AB103" s="131"/>
      <c r="AC103" s="156"/>
      <c r="AD103" s="132">
        <v>4.75</v>
      </c>
      <c r="AE103" s="132">
        <v>4.75</v>
      </c>
      <c r="AF103" s="132">
        <v>3</v>
      </c>
      <c r="AG103" s="132">
        <v>3.5</v>
      </c>
      <c r="AH103" s="132">
        <v>4.25</v>
      </c>
      <c r="AI103" s="132">
        <v>4.25</v>
      </c>
      <c r="AJ103" s="157"/>
      <c r="AK103" s="156"/>
      <c r="AL103" s="131" t="s">
        <v>524</v>
      </c>
      <c r="AM103" s="157"/>
      <c r="AN103" s="131"/>
      <c r="AO103" s="130"/>
      <c r="AP103" s="130"/>
      <c r="AQ103" s="130" t="s">
        <v>524</v>
      </c>
    </row>
    <row r="104" spans="1:43" x14ac:dyDescent="0.25">
      <c r="A104" s="113"/>
      <c r="B104" s="113"/>
      <c r="C104" s="113"/>
      <c r="D104" s="113"/>
      <c r="E104" s="113"/>
      <c r="F104" s="113"/>
      <c r="G104" s="113"/>
      <c r="H104" s="113"/>
      <c r="I104" s="113"/>
      <c r="J104" s="113"/>
      <c r="K104" s="113"/>
      <c r="L104" s="113"/>
      <c r="M104" s="111"/>
      <c r="N104" s="111"/>
      <c r="O104" s="111"/>
      <c r="P104" s="111"/>
      <c r="Q104" s="111"/>
      <c r="R104" s="112"/>
      <c r="S104" s="112"/>
      <c r="T104" s="156"/>
      <c r="U104" s="131"/>
      <c r="V104" s="131"/>
      <c r="W104" s="131"/>
      <c r="X104" s="131"/>
      <c r="Y104" s="131"/>
      <c r="Z104" s="131"/>
      <c r="AA104" s="131"/>
      <c r="AB104" s="131"/>
      <c r="AC104" s="156"/>
      <c r="AD104" s="132"/>
      <c r="AE104" s="132"/>
      <c r="AF104" s="132"/>
      <c r="AG104" s="132"/>
      <c r="AH104" s="132"/>
      <c r="AI104" s="132"/>
      <c r="AJ104" s="157"/>
      <c r="AK104" s="156"/>
      <c r="AL104" s="131" t="s">
        <v>519</v>
      </c>
      <c r="AM104" s="157"/>
      <c r="AN104" s="131"/>
      <c r="AO104" s="130"/>
      <c r="AP104" s="130"/>
      <c r="AQ104" s="130" t="s">
        <v>519</v>
      </c>
    </row>
    <row r="105" spans="1:43" x14ac:dyDescent="0.25">
      <c r="A105" s="154" t="s">
        <v>397</v>
      </c>
      <c r="B105" s="155" t="s">
        <v>666</v>
      </c>
      <c r="C105" s="5" t="s">
        <v>153</v>
      </c>
      <c r="D105" s="157" t="s">
        <v>458</v>
      </c>
      <c r="E105" s="131">
        <v>5</v>
      </c>
      <c r="F105" s="131">
        <v>3</v>
      </c>
      <c r="G105" s="131">
        <v>3</v>
      </c>
      <c r="H105" s="131">
        <v>5</v>
      </c>
      <c r="I105" s="131">
        <v>3</v>
      </c>
      <c r="J105" s="131">
        <v>5</v>
      </c>
      <c r="K105" s="131">
        <v>4</v>
      </c>
      <c r="L105" s="156" t="s">
        <v>416</v>
      </c>
      <c r="R105" s="159"/>
      <c r="S105" s="159" t="s">
        <v>262</v>
      </c>
      <c r="T105" s="156" t="s">
        <v>659</v>
      </c>
      <c r="U105" s="131" t="s">
        <v>258</v>
      </c>
      <c r="V105" s="131">
        <v>5</v>
      </c>
      <c r="W105" s="131">
        <v>3</v>
      </c>
      <c r="X105" s="131">
        <v>3</v>
      </c>
      <c r="Y105" s="131">
        <v>5</v>
      </c>
      <c r="Z105" s="131">
        <v>3</v>
      </c>
      <c r="AA105" s="131">
        <v>5</v>
      </c>
      <c r="AB105" s="131">
        <v>5</v>
      </c>
      <c r="AC105" s="156" t="s">
        <v>625</v>
      </c>
      <c r="AD105" s="132"/>
      <c r="AE105" s="132"/>
      <c r="AF105" s="132"/>
      <c r="AG105" s="132"/>
      <c r="AH105" s="132"/>
      <c r="AI105" s="132"/>
      <c r="AJ105" s="157" t="s">
        <v>688</v>
      </c>
      <c r="AK105" s="156" t="s">
        <v>131</v>
      </c>
      <c r="AL105" s="131" t="s">
        <v>258</v>
      </c>
      <c r="AM105" s="157"/>
      <c r="AN105" s="156"/>
      <c r="AO105" s="157" t="s">
        <v>380</v>
      </c>
      <c r="AP105" s="157" t="s">
        <v>135</v>
      </c>
      <c r="AQ105" s="130" t="s">
        <v>648</v>
      </c>
    </row>
    <row r="106" spans="1:43" x14ac:dyDescent="0.25">
      <c r="A106" s="154"/>
      <c r="B106" s="155"/>
      <c r="C106" s="5" t="s">
        <v>94</v>
      </c>
      <c r="D106" s="157"/>
      <c r="E106" s="131"/>
      <c r="F106" s="131"/>
      <c r="G106" s="131"/>
      <c r="H106" s="131"/>
      <c r="I106" s="131"/>
      <c r="J106" s="131"/>
      <c r="K106" s="131"/>
      <c r="L106" s="156"/>
      <c r="M106" s="7"/>
      <c r="N106" s="7"/>
      <c r="O106" s="7"/>
      <c r="P106" s="7"/>
      <c r="Q106" s="7"/>
      <c r="R106" s="159"/>
      <c r="S106" s="159"/>
      <c r="T106" s="156"/>
      <c r="U106" s="131" t="s">
        <v>520</v>
      </c>
      <c r="V106" s="131"/>
      <c r="W106" s="131"/>
      <c r="X106" s="131"/>
      <c r="Y106" s="131"/>
      <c r="Z106" s="131"/>
      <c r="AA106" s="131"/>
      <c r="AB106" s="131"/>
      <c r="AC106" s="156"/>
      <c r="AD106" s="132">
        <v>4.75</v>
      </c>
      <c r="AE106" s="132">
        <v>4.5</v>
      </c>
      <c r="AF106" s="132">
        <v>3.5</v>
      </c>
      <c r="AG106" s="132">
        <v>3.25</v>
      </c>
      <c r="AH106" s="132">
        <v>4.25</v>
      </c>
      <c r="AI106" s="132">
        <v>4.75</v>
      </c>
      <c r="AJ106" s="157"/>
      <c r="AK106" s="156"/>
      <c r="AL106" s="131" t="s">
        <v>520</v>
      </c>
      <c r="AM106" s="157"/>
      <c r="AN106" s="156"/>
      <c r="AO106" s="157"/>
      <c r="AP106" s="157"/>
      <c r="AQ106" s="130" t="s">
        <v>520</v>
      </c>
    </row>
    <row r="107" spans="1:43" x14ac:dyDescent="0.25">
      <c r="A107" s="154"/>
      <c r="B107" s="155"/>
      <c r="C107" s="3" t="s">
        <v>96</v>
      </c>
      <c r="D107" s="157"/>
      <c r="E107" s="131"/>
      <c r="F107" s="131"/>
      <c r="G107" s="131"/>
      <c r="H107" s="131"/>
      <c r="I107" s="131"/>
      <c r="J107" s="131"/>
      <c r="K107" s="131"/>
      <c r="L107" s="156"/>
      <c r="M107" s="7"/>
      <c r="N107" s="7"/>
      <c r="O107" s="7"/>
      <c r="P107" s="7"/>
      <c r="Q107" s="7"/>
      <c r="R107" s="159"/>
      <c r="S107" s="159"/>
      <c r="T107" s="156"/>
      <c r="U107" s="131" t="s">
        <v>521</v>
      </c>
      <c r="V107" s="131"/>
      <c r="W107" s="131"/>
      <c r="X107" s="131"/>
      <c r="Y107" s="131"/>
      <c r="Z107" s="131"/>
      <c r="AA107" s="131"/>
      <c r="AB107" s="131"/>
      <c r="AC107" s="156"/>
      <c r="AD107" s="132">
        <v>4.75</v>
      </c>
      <c r="AE107" s="132">
        <v>4.5</v>
      </c>
      <c r="AF107" s="132">
        <v>3.5</v>
      </c>
      <c r="AG107" s="132">
        <v>4.25</v>
      </c>
      <c r="AH107" s="132">
        <v>4.5</v>
      </c>
      <c r="AI107" s="132">
        <v>4.75</v>
      </c>
      <c r="AJ107" s="157"/>
      <c r="AK107" s="156"/>
      <c r="AL107" s="131" t="s">
        <v>521</v>
      </c>
      <c r="AM107" s="157"/>
      <c r="AN107" s="156"/>
      <c r="AO107" s="157"/>
      <c r="AP107" s="157"/>
      <c r="AQ107" s="130" t="s">
        <v>521</v>
      </c>
    </row>
    <row r="108" spans="1:43" x14ac:dyDescent="0.25">
      <c r="A108" s="154"/>
      <c r="B108" s="155"/>
      <c r="C108" s="5" t="s">
        <v>97</v>
      </c>
      <c r="D108" s="157"/>
      <c r="E108" s="131"/>
      <c r="F108" s="131"/>
      <c r="G108" s="131"/>
      <c r="H108" s="131"/>
      <c r="I108" s="131"/>
      <c r="J108" s="131"/>
      <c r="K108" s="131"/>
      <c r="L108" s="156"/>
      <c r="M108" s="7"/>
      <c r="N108" s="7"/>
      <c r="O108" s="7"/>
      <c r="P108" s="7"/>
      <c r="Q108" s="7"/>
      <c r="R108" s="159"/>
      <c r="S108" s="159"/>
      <c r="T108" s="156"/>
      <c r="U108" s="131" t="s">
        <v>522</v>
      </c>
      <c r="V108" s="131"/>
      <c r="W108" s="131"/>
      <c r="X108" s="131"/>
      <c r="Y108" s="131"/>
      <c r="Z108" s="131"/>
      <c r="AA108" s="131"/>
      <c r="AB108" s="131"/>
      <c r="AC108" s="156"/>
      <c r="AD108" s="132">
        <v>4.75</v>
      </c>
      <c r="AE108" s="132">
        <v>4.5</v>
      </c>
      <c r="AF108" s="132">
        <v>3</v>
      </c>
      <c r="AG108" s="132">
        <v>2.75</v>
      </c>
      <c r="AH108" s="132">
        <v>4.25</v>
      </c>
      <c r="AI108" s="132">
        <v>4</v>
      </c>
      <c r="AJ108" s="157"/>
      <c r="AK108" s="156"/>
      <c r="AL108" s="131" t="s">
        <v>522</v>
      </c>
      <c r="AM108" s="157"/>
      <c r="AN108" s="156"/>
      <c r="AO108" s="157"/>
      <c r="AP108" s="157"/>
      <c r="AQ108" s="130" t="s">
        <v>522</v>
      </c>
    </row>
    <row r="109" spans="1:43" x14ac:dyDescent="0.25">
      <c r="A109" s="154"/>
      <c r="B109" s="155"/>
      <c r="C109" s="5" t="s">
        <v>98</v>
      </c>
      <c r="D109" s="157"/>
      <c r="E109" s="131"/>
      <c r="F109" s="131"/>
      <c r="G109" s="131"/>
      <c r="H109" s="131"/>
      <c r="I109" s="131"/>
      <c r="J109" s="131"/>
      <c r="K109" s="131"/>
      <c r="L109" s="156"/>
      <c r="M109" s="7"/>
      <c r="N109" s="7"/>
      <c r="O109" s="7"/>
      <c r="P109" s="7"/>
      <c r="Q109" s="7"/>
      <c r="R109" s="159"/>
      <c r="S109" s="159"/>
      <c r="T109" s="156"/>
      <c r="U109" s="131" t="s">
        <v>98</v>
      </c>
      <c r="V109" s="131"/>
      <c r="W109" s="131"/>
      <c r="X109" s="131"/>
      <c r="Y109" s="131"/>
      <c r="Z109" s="131"/>
      <c r="AA109" s="131"/>
      <c r="AB109" s="131"/>
      <c r="AC109" s="156"/>
      <c r="AD109" s="132">
        <v>4.75</v>
      </c>
      <c r="AE109" s="132">
        <v>4.5</v>
      </c>
      <c r="AF109" s="132">
        <v>3.5</v>
      </c>
      <c r="AG109" s="132">
        <v>4.25</v>
      </c>
      <c r="AH109" s="132">
        <v>4.25</v>
      </c>
      <c r="AI109" s="132">
        <v>4.5</v>
      </c>
      <c r="AJ109" s="157"/>
      <c r="AK109" s="156"/>
      <c r="AL109" s="131" t="s">
        <v>98</v>
      </c>
      <c r="AM109" s="157"/>
      <c r="AN109" s="156"/>
      <c r="AO109" s="157"/>
      <c r="AP109" s="157"/>
      <c r="AQ109" s="130" t="s">
        <v>98</v>
      </c>
    </row>
    <row r="110" spans="1:43" x14ac:dyDescent="0.25">
      <c r="A110" s="154"/>
      <c r="B110" s="155"/>
      <c r="C110" s="5" t="s">
        <v>99</v>
      </c>
      <c r="D110" s="157"/>
      <c r="E110" s="131"/>
      <c r="F110" s="131"/>
      <c r="G110" s="131"/>
      <c r="H110" s="131"/>
      <c r="I110" s="131"/>
      <c r="J110" s="131"/>
      <c r="K110" s="131"/>
      <c r="L110" s="156"/>
      <c r="M110" s="7"/>
      <c r="N110" s="7"/>
      <c r="O110" s="7"/>
      <c r="P110" s="7"/>
      <c r="Q110" s="7"/>
      <c r="R110" s="159"/>
      <c r="S110" s="159"/>
      <c r="T110" s="156"/>
      <c r="U110" s="131" t="s">
        <v>523</v>
      </c>
      <c r="V110" s="131"/>
      <c r="W110" s="131"/>
      <c r="X110" s="131"/>
      <c r="Y110" s="131"/>
      <c r="Z110" s="131"/>
      <c r="AA110" s="131"/>
      <c r="AB110" s="131"/>
      <c r="AC110" s="156"/>
      <c r="AD110" s="132">
        <v>4.75</v>
      </c>
      <c r="AE110" s="132">
        <v>4.5</v>
      </c>
      <c r="AF110" s="132">
        <v>3.5</v>
      </c>
      <c r="AG110" s="132">
        <v>4</v>
      </c>
      <c r="AH110" s="132">
        <v>4.25</v>
      </c>
      <c r="AI110" s="132">
        <v>4.75</v>
      </c>
      <c r="AJ110" s="157"/>
      <c r="AK110" s="156"/>
      <c r="AL110" s="131" t="s">
        <v>523</v>
      </c>
      <c r="AM110" s="157"/>
      <c r="AN110" s="156"/>
      <c r="AO110" s="157"/>
      <c r="AP110" s="157"/>
      <c r="AQ110" s="130" t="s">
        <v>523</v>
      </c>
    </row>
    <row r="111" spans="1:43" x14ac:dyDescent="0.25">
      <c r="A111" s="154"/>
      <c r="B111" s="155"/>
      <c r="C111" s="5"/>
      <c r="D111" s="157"/>
      <c r="E111" s="131"/>
      <c r="F111" s="131"/>
      <c r="G111" s="131"/>
      <c r="H111" s="131"/>
      <c r="I111" s="131"/>
      <c r="J111" s="131"/>
      <c r="K111" s="131"/>
      <c r="L111" s="156"/>
      <c r="R111" s="159"/>
      <c r="S111" s="159"/>
      <c r="T111" s="156"/>
      <c r="U111" s="131" t="s">
        <v>524</v>
      </c>
      <c r="V111" s="131"/>
      <c r="W111" s="131"/>
      <c r="X111" s="131"/>
      <c r="Y111" s="131"/>
      <c r="Z111" s="131"/>
      <c r="AA111" s="131"/>
      <c r="AB111" s="131"/>
      <c r="AC111" s="156"/>
      <c r="AD111" s="132">
        <v>4.75</v>
      </c>
      <c r="AE111" s="132">
        <v>4.5</v>
      </c>
      <c r="AF111" s="132">
        <v>3</v>
      </c>
      <c r="AG111" s="132">
        <v>3.5</v>
      </c>
      <c r="AH111" s="132">
        <v>4.25</v>
      </c>
      <c r="AI111" s="132">
        <v>4.25</v>
      </c>
      <c r="AJ111" s="157"/>
      <c r="AK111" s="156"/>
      <c r="AL111" s="131" t="s">
        <v>524</v>
      </c>
      <c r="AM111" s="157"/>
      <c r="AN111" s="156"/>
      <c r="AO111" s="157"/>
      <c r="AP111" s="157"/>
      <c r="AQ111" s="130" t="s">
        <v>524</v>
      </c>
    </row>
    <row r="112" spans="1:43" x14ac:dyDescent="0.25">
      <c r="A112" s="154"/>
      <c r="B112" s="155"/>
      <c r="C112" s="5"/>
      <c r="D112" s="157"/>
      <c r="E112" s="131"/>
      <c r="F112" s="131"/>
      <c r="G112" s="131"/>
      <c r="H112" s="131"/>
      <c r="I112" s="131"/>
      <c r="J112" s="131"/>
      <c r="K112" s="131"/>
      <c r="L112" s="156"/>
      <c r="R112" s="159"/>
      <c r="S112" s="159"/>
      <c r="T112" s="156"/>
      <c r="U112" s="131"/>
      <c r="V112" s="131"/>
      <c r="W112" s="131"/>
      <c r="X112" s="131"/>
      <c r="Y112" s="131"/>
      <c r="Z112" s="131"/>
      <c r="AA112" s="131"/>
      <c r="AB112" s="131"/>
      <c r="AC112" s="156"/>
      <c r="AD112" s="132"/>
      <c r="AE112" s="132"/>
      <c r="AF112" s="132"/>
      <c r="AG112" s="132"/>
      <c r="AH112" s="132"/>
      <c r="AI112" s="132"/>
      <c r="AJ112" s="157"/>
      <c r="AK112" s="156"/>
      <c r="AL112" s="131" t="s">
        <v>519</v>
      </c>
      <c r="AM112" s="157"/>
      <c r="AN112" s="156"/>
      <c r="AO112" s="157"/>
      <c r="AP112" s="157"/>
      <c r="AQ112" s="130" t="s">
        <v>519</v>
      </c>
    </row>
    <row r="113" spans="1:43" x14ac:dyDescent="0.25">
      <c r="A113" s="154" t="s">
        <v>397</v>
      </c>
      <c r="B113" s="155" t="s">
        <v>667</v>
      </c>
      <c r="C113" s="5" t="s">
        <v>156</v>
      </c>
      <c r="D113" s="157" t="s">
        <v>459</v>
      </c>
      <c r="E113" s="131">
        <v>5</v>
      </c>
      <c r="F113" s="131">
        <v>3</v>
      </c>
      <c r="G113" s="131">
        <v>5</v>
      </c>
      <c r="H113" s="131">
        <v>3</v>
      </c>
      <c r="I113" s="131">
        <v>3</v>
      </c>
      <c r="J113" s="131">
        <v>4</v>
      </c>
      <c r="K113" s="131">
        <v>4</v>
      </c>
      <c r="L113" s="156" t="s">
        <v>415</v>
      </c>
      <c r="M113" s="7">
        <v>1</v>
      </c>
      <c r="N113" s="7">
        <v>1</v>
      </c>
      <c r="O113" s="7">
        <v>3</v>
      </c>
      <c r="P113" s="7">
        <v>5</v>
      </c>
      <c r="Q113" s="7">
        <v>5</v>
      </c>
      <c r="R113" s="159" t="s">
        <v>274</v>
      </c>
      <c r="S113" s="159" t="s">
        <v>275</v>
      </c>
      <c r="T113" s="156"/>
      <c r="U113" s="131"/>
      <c r="V113" s="131"/>
      <c r="W113" s="131"/>
      <c r="X113" s="131"/>
      <c r="Y113" s="131"/>
      <c r="Z113" s="131"/>
      <c r="AA113" s="131"/>
      <c r="AB113" s="131"/>
      <c r="AC113" s="156"/>
      <c r="AD113" s="133"/>
      <c r="AE113" s="133"/>
      <c r="AF113" s="133"/>
      <c r="AG113" s="133"/>
      <c r="AH113" s="133"/>
      <c r="AI113" s="133"/>
      <c r="AJ113" s="157"/>
      <c r="AK113" s="156"/>
      <c r="AL113" s="131"/>
      <c r="AM113" s="157"/>
      <c r="AN113" s="156"/>
      <c r="AO113" s="157"/>
      <c r="AP113" s="157"/>
      <c r="AQ113" s="130"/>
    </row>
    <row r="114" spans="1:43" x14ac:dyDescent="0.25">
      <c r="A114" s="154"/>
      <c r="B114" s="155"/>
      <c r="C114" s="5" t="s">
        <v>94</v>
      </c>
      <c r="D114" s="157"/>
      <c r="E114" s="131"/>
      <c r="F114" s="131"/>
      <c r="G114" s="131"/>
      <c r="H114" s="131"/>
      <c r="I114" s="131"/>
      <c r="J114" s="131"/>
      <c r="K114" s="131"/>
      <c r="L114" s="156"/>
      <c r="M114" s="7"/>
      <c r="N114" s="7"/>
      <c r="O114" s="7"/>
      <c r="P114" s="7"/>
      <c r="Q114" s="7"/>
      <c r="R114" s="159"/>
      <c r="S114" s="159"/>
      <c r="T114" s="156"/>
      <c r="U114" s="131"/>
      <c r="V114" s="131"/>
      <c r="W114" s="131"/>
      <c r="X114" s="131"/>
      <c r="Y114" s="131"/>
      <c r="Z114" s="131"/>
      <c r="AA114" s="131"/>
      <c r="AB114" s="131"/>
      <c r="AC114" s="156"/>
      <c r="AD114" s="133"/>
      <c r="AE114" s="133"/>
      <c r="AF114" s="133"/>
      <c r="AG114" s="133"/>
      <c r="AH114" s="133"/>
      <c r="AI114" s="133"/>
      <c r="AJ114" s="157"/>
      <c r="AK114" s="156"/>
      <c r="AL114" s="131"/>
      <c r="AM114" s="157"/>
      <c r="AN114" s="156"/>
      <c r="AO114" s="157"/>
      <c r="AP114" s="157"/>
      <c r="AQ114" s="130"/>
    </row>
    <row r="115" spans="1:43" x14ac:dyDescent="0.25">
      <c r="A115" s="154"/>
      <c r="B115" s="155"/>
      <c r="C115" s="3" t="s">
        <v>96</v>
      </c>
      <c r="D115" s="157"/>
      <c r="E115" s="131"/>
      <c r="F115" s="131"/>
      <c r="G115" s="131"/>
      <c r="H115" s="131"/>
      <c r="I115" s="131"/>
      <c r="J115" s="131"/>
      <c r="K115" s="131"/>
      <c r="L115" s="156"/>
      <c r="M115" s="7"/>
      <c r="N115" s="7"/>
      <c r="O115" s="7"/>
      <c r="P115" s="7"/>
      <c r="Q115" s="7"/>
      <c r="R115" s="159"/>
      <c r="S115" s="159"/>
      <c r="T115" s="156"/>
      <c r="U115" s="131"/>
      <c r="V115" s="131"/>
      <c r="W115" s="131"/>
      <c r="X115" s="131"/>
      <c r="Y115" s="131"/>
      <c r="Z115" s="131"/>
      <c r="AA115" s="131"/>
      <c r="AB115" s="131"/>
      <c r="AC115" s="156"/>
      <c r="AD115" s="132"/>
      <c r="AE115" s="132"/>
      <c r="AF115" s="132"/>
      <c r="AG115" s="132"/>
      <c r="AH115" s="132"/>
      <c r="AI115" s="132"/>
      <c r="AJ115" s="157"/>
      <c r="AK115" s="156"/>
      <c r="AL115" s="131"/>
      <c r="AM115" s="157"/>
      <c r="AN115" s="156"/>
      <c r="AO115" s="157"/>
      <c r="AP115" s="157"/>
      <c r="AQ115" s="130"/>
    </row>
    <row r="116" spans="1:43" x14ac:dyDescent="0.25">
      <c r="A116" s="154"/>
      <c r="B116" s="155"/>
      <c r="C116" s="5" t="s">
        <v>97</v>
      </c>
      <c r="D116" s="157"/>
      <c r="E116" s="131"/>
      <c r="F116" s="131"/>
      <c r="G116" s="131"/>
      <c r="H116" s="131"/>
      <c r="I116" s="131"/>
      <c r="J116" s="131"/>
      <c r="K116" s="131"/>
      <c r="L116" s="156"/>
      <c r="M116" s="7"/>
      <c r="N116" s="7"/>
      <c r="O116" s="7"/>
      <c r="P116" s="7"/>
      <c r="Q116" s="7"/>
      <c r="R116" s="159"/>
      <c r="S116" s="159"/>
      <c r="T116" s="156"/>
      <c r="U116" s="131"/>
      <c r="V116" s="131"/>
      <c r="W116" s="131"/>
      <c r="X116" s="131"/>
      <c r="Y116" s="131"/>
      <c r="Z116" s="131"/>
      <c r="AA116" s="131"/>
      <c r="AB116" s="131"/>
      <c r="AC116" s="156"/>
      <c r="AD116" s="132"/>
      <c r="AE116" s="132"/>
      <c r="AF116" s="132"/>
      <c r="AG116" s="132"/>
      <c r="AH116" s="132"/>
      <c r="AI116" s="132"/>
      <c r="AJ116" s="157"/>
      <c r="AK116" s="156"/>
      <c r="AL116" s="131"/>
      <c r="AM116" s="157"/>
      <c r="AN116" s="156"/>
      <c r="AO116" s="157"/>
      <c r="AP116" s="157"/>
      <c r="AQ116" s="130"/>
    </row>
    <row r="117" spans="1:43" x14ac:dyDescent="0.25">
      <c r="A117" s="154"/>
      <c r="B117" s="155"/>
      <c r="C117" s="5" t="s">
        <v>98</v>
      </c>
      <c r="D117" s="157"/>
      <c r="E117" s="131"/>
      <c r="F117" s="131"/>
      <c r="G117" s="131"/>
      <c r="H117" s="131"/>
      <c r="I117" s="131"/>
      <c r="J117" s="131"/>
      <c r="K117" s="131"/>
      <c r="L117" s="156"/>
      <c r="M117" s="7"/>
      <c r="N117" s="7"/>
      <c r="O117" s="7"/>
      <c r="P117" s="7"/>
      <c r="Q117" s="7"/>
      <c r="R117" s="159"/>
      <c r="S117" s="159"/>
      <c r="T117" s="156"/>
      <c r="U117" s="131"/>
      <c r="V117" s="131"/>
      <c r="W117" s="131"/>
      <c r="X117" s="131"/>
      <c r="Y117" s="131"/>
      <c r="Z117" s="131"/>
      <c r="AA117" s="131"/>
      <c r="AB117" s="131"/>
      <c r="AC117" s="156"/>
      <c r="AD117" s="132"/>
      <c r="AE117" s="132"/>
      <c r="AF117" s="132"/>
      <c r="AG117" s="132"/>
      <c r="AH117" s="132"/>
      <c r="AI117" s="132"/>
      <c r="AJ117" s="157"/>
      <c r="AK117" s="156"/>
      <c r="AL117" s="131"/>
      <c r="AM117" s="157"/>
      <c r="AN117" s="156"/>
      <c r="AO117" s="157"/>
      <c r="AP117" s="157"/>
      <c r="AQ117" s="130"/>
    </row>
    <row r="118" spans="1:43" x14ac:dyDescent="0.25">
      <c r="A118" s="154"/>
      <c r="B118" s="155"/>
      <c r="C118" s="5" t="s">
        <v>99</v>
      </c>
      <c r="D118" s="157"/>
      <c r="E118" s="131"/>
      <c r="F118" s="131"/>
      <c r="G118" s="131"/>
      <c r="H118" s="131"/>
      <c r="I118" s="131"/>
      <c r="J118" s="131"/>
      <c r="K118" s="131"/>
      <c r="L118" s="156"/>
      <c r="M118" s="7"/>
      <c r="N118" s="7"/>
      <c r="O118" s="7"/>
      <c r="P118" s="7"/>
      <c r="Q118" s="7"/>
      <c r="R118" s="159"/>
      <c r="S118" s="159"/>
      <c r="T118" s="156"/>
      <c r="U118" s="131"/>
      <c r="V118" s="131"/>
      <c r="W118" s="131"/>
      <c r="X118" s="131"/>
      <c r="Y118" s="131"/>
      <c r="Z118" s="131"/>
      <c r="AA118" s="131"/>
      <c r="AB118" s="131"/>
      <c r="AC118" s="156"/>
      <c r="AD118" s="132"/>
      <c r="AE118" s="132"/>
      <c r="AF118" s="132"/>
      <c r="AG118" s="132"/>
      <c r="AH118" s="132"/>
      <c r="AI118" s="132"/>
      <c r="AJ118" s="157"/>
      <c r="AK118" s="156"/>
      <c r="AL118" s="131"/>
      <c r="AM118" s="157"/>
      <c r="AN118" s="156"/>
      <c r="AO118" s="157"/>
      <c r="AP118" s="157"/>
      <c r="AQ118" s="130"/>
    </row>
    <row r="119" spans="1:43" x14ac:dyDescent="0.25">
      <c r="A119" s="154" t="s">
        <v>397</v>
      </c>
      <c r="B119" s="155" t="s">
        <v>668</v>
      </c>
      <c r="C119" s="5" t="s">
        <v>158</v>
      </c>
      <c r="D119" s="157" t="s">
        <v>460</v>
      </c>
      <c r="E119" s="131">
        <v>5</v>
      </c>
      <c r="F119" s="131">
        <v>3</v>
      </c>
      <c r="G119" s="131">
        <v>3</v>
      </c>
      <c r="H119" s="131">
        <v>5</v>
      </c>
      <c r="I119" s="131">
        <v>3</v>
      </c>
      <c r="J119" s="131">
        <v>5</v>
      </c>
      <c r="K119" s="131">
        <v>5</v>
      </c>
      <c r="L119" s="156" t="s">
        <v>414</v>
      </c>
      <c r="M119" s="7">
        <v>3</v>
      </c>
      <c r="N119" s="7">
        <v>5</v>
      </c>
      <c r="O119" s="7">
        <v>3</v>
      </c>
      <c r="P119" s="7">
        <v>5</v>
      </c>
      <c r="Q119" s="7">
        <v>5</v>
      </c>
      <c r="R119" s="159" t="s">
        <v>276</v>
      </c>
      <c r="S119" s="159" t="s">
        <v>277</v>
      </c>
      <c r="T119" s="156"/>
      <c r="U119" s="131"/>
      <c r="V119" s="131"/>
      <c r="W119" s="131"/>
      <c r="X119" s="131"/>
      <c r="Y119" s="131"/>
      <c r="Z119" s="131"/>
      <c r="AA119" s="131"/>
      <c r="AB119" s="131"/>
      <c r="AC119" s="156"/>
      <c r="AD119" s="133"/>
      <c r="AE119" s="133"/>
      <c r="AF119" s="133"/>
      <c r="AG119" s="133"/>
      <c r="AH119" s="133"/>
      <c r="AI119" s="133"/>
      <c r="AJ119" s="157"/>
      <c r="AK119" s="156"/>
      <c r="AL119" s="131"/>
      <c r="AM119" s="157"/>
      <c r="AN119" s="156"/>
      <c r="AO119" s="157"/>
      <c r="AP119" s="157"/>
      <c r="AQ119" s="130"/>
    </row>
    <row r="120" spans="1:43" x14ac:dyDescent="0.25">
      <c r="A120" s="154"/>
      <c r="B120" s="155"/>
      <c r="C120" s="5" t="s">
        <v>94</v>
      </c>
      <c r="D120" s="157"/>
      <c r="E120" s="131"/>
      <c r="F120" s="131"/>
      <c r="G120" s="131"/>
      <c r="H120" s="131"/>
      <c r="I120" s="131"/>
      <c r="J120" s="131"/>
      <c r="K120" s="131"/>
      <c r="L120" s="156"/>
      <c r="M120" s="7"/>
      <c r="N120" s="7"/>
      <c r="O120" s="7"/>
      <c r="P120" s="7"/>
      <c r="Q120" s="7"/>
      <c r="R120" s="159"/>
      <c r="S120" s="159"/>
      <c r="T120" s="156"/>
      <c r="U120" s="131"/>
      <c r="V120" s="131"/>
      <c r="W120" s="131"/>
      <c r="X120" s="131"/>
      <c r="Y120" s="131"/>
      <c r="Z120" s="131"/>
      <c r="AA120" s="131"/>
      <c r="AB120" s="131"/>
      <c r="AC120" s="156"/>
      <c r="AD120" s="133"/>
      <c r="AE120" s="133"/>
      <c r="AF120" s="133"/>
      <c r="AG120" s="133"/>
      <c r="AH120" s="133"/>
      <c r="AI120" s="133"/>
      <c r="AJ120" s="157"/>
      <c r="AK120" s="156"/>
      <c r="AL120" s="131"/>
      <c r="AM120" s="157"/>
      <c r="AN120" s="156"/>
      <c r="AO120" s="157"/>
      <c r="AP120" s="157"/>
      <c r="AQ120" s="130"/>
    </row>
    <row r="121" spans="1:43" x14ac:dyDescent="0.25">
      <c r="A121" s="154"/>
      <c r="B121" s="155"/>
      <c r="C121" s="3" t="s">
        <v>96</v>
      </c>
      <c r="D121" s="157"/>
      <c r="E121" s="131"/>
      <c r="F121" s="131"/>
      <c r="G121" s="131"/>
      <c r="H121" s="131"/>
      <c r="I121" s="131"/>
      <c r="J121" s="131"/>
      <c r="K121" s="131"/>
      <c r="L121" s="156"/>
      <c r="M121" s="7"/>
      <c r="N121" s="7"/>
      <c r="O121" s="7"/>
      <c r="P121" s="7"/>
      <c r="Q121" s="7"/>
      <c r="R121" s="159"/>
      <c r="S121" s="159"/>
      <c r="T121" s="156"/>
      <c r="U121" s="131"/>
      <c r="V121" s="131"/>
      <c r="W121" s="131"/>
      <c r="X121" s="131"/>
      <c r="Y121" s="131"/>
      <c r="Z121" s="131"/>
      <c r="AA121" s="131"/>
      <c r="AB121" s="131"/>
      <c r="AC121" s="156"/>
      <c r="AD121" s="133"/>
      <c r="AE121" s="133"/>
      <c r="AF121" s="133"/>
      <c r="AG121" s="133"/>
      <c r="AH121" s="133"/>
      <c r="AI121" s="133"/>
      <c r="AJ121" s="157"/>
      <c r="AK121" s="156"/>
      <c r="AL121" s="131"/>
      <c r="AM121" s="157"/>
      <c r="AN121" s="156"/>
      <c r="AO121" s="157"/>
      <c r="AP121" s="157"/>
      <c r="AQ121" s="130"/>
    </row>
    <row r="122" spans="1:43" x14ac:dyDescent="0.25">
      <c r="A122" s="154"/>
      <c r="B122" s="155"/>
      <c r="C122" s="5" t="s">
        <v>97</v>
      </c>
      <c r="D122" s="157"/>
      <c r="E122" s="131"/>
      <c r="F122" s="131"/>
      <c r="G122" s="131"/>
      <c r="H122" s="131"/>
      <c r="I122" s="131"/>
      <c r="J122" s="131"/>
      <c r="K122" s="131"/>
      <c r="L122" s="156"/>
      <c r="M122" s="7"/>
      <c r="N122" s="7"/>
      <c r="O122" s="7"/>
      <c r="P122" s="7"/>
      <c r="Q122" s="7"/>
      <c r="R122" s="159"/>
      <c r="S122" s="159"/>
      <c r="T122" s="156"/>
      <c r="U122" s="131"/>
      <c r="V122" s="131"/>
      <c r="W122" s="131"/>
      <c r="X122" s="131"/>
      <c r="Y122" s="131"/>
      <c r="Z122" s="131"/>
      <c r="AA122" s="131"/>
      <c r="AB122" s="131"/>
      <c r="AC122" s="156"/>
      <c r="AD122" s="133"/>
      <c r="AE122" s="133"/>
      <c r="AF122" s="133"/>
      <c r="AG122" s="133"/>
      <c r="AH122" s="133"/>
      <c r="AI122" s="133"/>
      <c r="AJ122" s="157"/>
      <c r="AK122" s="156"/>
      <c r="AL122" s="131"/>
      <c r="AM122" s="157"/>
      <c r="AN122" s="156"/>
      <c r="AO122" s="157"/>
      <c r="AP122" s="157"/>
      <c r="AQ122" s="130"/>
    </row>
    <row r="123" spans="1:43" x14ac:dyDescent="0.25">
      <c r="A123" s="154"/>
      <c r="B123" s="155"/>
      <c r="C123" s="5" t="s">
        <v>98</v>
      </c>
      <c r="D123" s="157"/>
      <c r="E123" s="131"/>
      <c r="F123" s="131"/>
      <c r="G123" s="131"/>
      <c r="H123" s="131"/>
      <c r="I123" s="131"/>
      <c r="J123" s="131"/>
      <c r="K123" s="131"/>
      <c r="L123" s="156"/>
      <c r="M123" s="7"/>
      <c r="N123" s="7"/>
      <c r="O123" s="7"/>
      <c r="P123" s="7"/>
      <c r="Q123" s="7"/>
      <c r="R123" s="159"/>
      <c r="S123" s="159"/>
      <c r="T123" s="156"/>
      <c r="U123" s="131"/>
      <c r="V123" s="131"/>
      <c r="W123" s="131"/>
      <c r="X123" s="131"/>
      <c r="Y123" s="131"/>
      <c r="Z123" s="131"/>
      <c r="AA123" s="131"/>
      <c r="AB123" s="131"/>
      <c r="AC123" s="156"/>
      <c r="AD123" s="133"/>
      <c r="AE123" s="133"/>
      <c r="AF123" s="133"/>
      <c r="AG123" s="133"/>
      <c r="AH123" s="133"/>
      <c r="AI123" s="133"/>
      <c r="AJ123" s="157"/>
      <c r="AK123" s="156"/>
      <c r="AL123" s="131"/>
      <c r="AM123" s="157"/>
      <c r="AN123" s="156"/>
      <c r="AO123" s="157"/>
      <c r="AP123" s="157"/>
      <c r="AQ123" s="130"/>
    </row>
    <row r="124" spans="1:43" x14ac:dyDescent="0.25">
      <c r="A124" s="154"/>
      <c r="B124" s="155"/>
      <c r="C124" s="5" t="s">
        <v>99</v>
      </c>
      <c r="D124" s="157"/>
      <c r="E124" s="131"/>
      <c r="F124" s="131"/>
      <c r="G124" s="131"/>
      <c r="H124" s="131"/>
      <c r="I124" s="131"/>
      <c r="J124" s="131"/>
      <c r="K124" s="131"/>
      <c r="L124" s="156"/>
      <c r="M124" s="7"/>
      <c r="N124" s="7"/>
      <c r="O124" s="7"/>
      <c r="P124" s="7"/>
      <c r="Q124" s="7"/>
      <c r="R124" s="159"/>
      <c r="S124" s="159"/>
      <c r="T124" s="156"/>
      <c r="U124" s="131"/>
      <c r="V124" s="131"/>
      <c r="W124" s="131"/>
      <c r="X124" s="131"/>
      <c r="Y124" s="131"/>
      <c r="Z124" s="131"/>
      <c r="AA124" s="131"/>
      <c r="AB124" s="131"/>
      <c r="AC124" s="156"/>
      <c r="AD124" s="133"/>
      <c r="AE124" s="133"/>
      <c r="AF124" s="133"/>
      <c r="AG124" s="133"/>
      <c r="AH124" s="133"/>
      <c r="AI124" s="133"/>
      <c r="AJ124" s="157"/>
      <c r="AK124" s="156"/>
      <c r="AL124" s="131"/>
      <c r="AM124" s="157"/>
      <c r="AN124" s="156"/>
      <c r="AO124" s="157"/>
      <c r="AP124" s="157"/>
      <c r="AQ124" s="130"/>
    </row>
    <row r="125" spans="1:43" x14ac:dyDescent="0.25">
      <c r="A125" s="154" t="s">
        <v>397</v>
      </c>
      <c r="B125" s="155" t="s">
        <v>669</v>
      </c>
      <c r="C125" s="5" t="s">
        <v>160</v>
      </c>
      <c r="D125" s="157" t="s">
        <v>461</v>
      </c>
      <c r="E125" s="131">
        <v>5</v>
      </c>
      <c r="F125" s="131">
        <v>1</v>
      </c>
      <c r="G125" s="131">
        <v>3</v>
      </c>
      <c r="H125" s="131">
        <v>5</v>
      </c>
      <c r="I125" s="131">
        <v>3</v>
      </c>
      <c r="J125" s="131">
        <v>5</v>
      </c>
      <c r="K125" s="131">
        <v>3</v>
      </c>
      <c r="L125" s="156"/>
      <c r="M125" s="7">
        <v>1</v>
      </c>
      <c r="N125" s="7">
        <v>5</v>
      </c>
      <c r="O125" s="7">
        <v>3</v>
      </c>
      <c r="P125" s="7">
        <v>5</v>
      </c>
      <c r="Q125" s="7">
        <v>3</v>
      </c>
      <c r="R125" s="159" t="s">
        <v>278</v>
      </c>
      <c r="S125" s="159" t="s">
        <v>279</v>
      </c>
      <c r="T125" s="156"/>
      <c r="U125" s="131"/>
      <c r="V125" s="131"/>
      <c r="W125" s="131"/>
      <c r="X125" s="131"/>
      <c r="Y125" s="131"/>
      <c r="Z125" s="131"/>
      <c r="AA125" s="131"/>
      <c r="AB125" s="131"/>
      <c r="AC125" s="156"/>
      <c r="AD125" s="132"/>
      <c r="AE125" s="132"/>
      <c r="AF125" s="132"/>
      <c r="AG125" s="132"/>
      <c r="AH125" s="132"/>
      <c r="AI125" s="132"/>
      <c r="AJ125" s="157"/>
      <c r="AK125" s="156"/>
      <c r="AL125" s="131"/>
      <c r="AM125" s="157"/>
      <c r="AN125" s="156"/>
      <c r="AO125" s="157"/>
      <c r="AP125" s="157"/>
      <c r="AQ125" s="130"/>
    </row>
    <row r="126" spans="1:43" x14ac:dyDescent="0.25">
      <c r="A126" s="154"/>
      <c r="B126" s="155"/>
      <c r="C126" s="5" t="s">
        <v>94</v>
      </c>
      <c r="D126" s="157"/>
      <c r="E126" s="131"/>
      <c r="F126" s="131"/>
      <c r="G126" s="131"/>
      <c r="H126" s="131"/>
      <c r="I126" s="131"/>
      <c r="J126" s="131"/>
      <c r="K126" s="131"/>
      <c r="L126" s="156"/>
      <c r="M126" s="7"/>
      <c r="N126" s="7"/>
      <c r="O126" s="7"/>
      <c r="P126" s="7"/>
      <c r="Q126" s="7"/>
      <c r="R126" s="159"/>
      <c r="S126" s="159"/>
      <c r="T126" s="156"/>
      <c r="U126" s="131"/>
      <c r="V126" s="131"/>
      <c r="W126" s="131"/>
      <c r="X126" s="131"/>
      <c r="Y126" s="131"/>
      <c r="Z126" s="131"/>
      <c r="AA126" s="131"/>
      <c r="AB126" s="131"/>
      <c r="AC126" s="156"/>
      <c r="AD126" s="132"/>
      <c r="AE126" s="132"/>
      <c r="AF126" s="132"/>
      <c r="AG126" s="132"/>
      <c r="AH126" s="132"/>
      <c r="AI126" s="132"/>
      <c r="AJ126" s="157"/>
      <c r="AK126" s="156"/>
      <c r="AL126" s="131"/>
      <c r="AM126" s="157"/>
      <c r="AN126" s="156"/>
      <c r="AO126" s="157"/>
      <c r="AP126" s="157"/>
      <c r="AQ126" s="130"/>
    </row>
    <row r="127" spans="1:43" x14ac:dyDescent="0.25">
      <c r="A127" s="154"/>
      <c r="B127" s="155"/>
      <c r="C127" s="3" t="s">
        <v>96</v>
      </c>
      <c r="D127" s="157"/>
      <c r="E127" s="131"/>
      <c r="F127" s="131"/>
      <c r="G127" s="131"/>
      <c r="H127" s="131"/>
      <c r="I127" s="131"/>
      <c r="J127" s="131"/>
      <c r="K127" s="131"/>
      <c r="L127" s="156"/>
      <c r="M127" s="7"/>
      <c r="N127" s="7"/>
      <c r="O127" s="7"/>
      <c r="P127" s="7"/>
      <c r="Q127" s="7"/>
      <c r="R127" s="159"/>
      <c r="S127" s="159"/>
      <c r="T127" s="156"/>
      <c r="U127" s="131"/>
      <c r="V127" s="131"/>
      <c r="W127" s="131"/>
      <c r="X127" s="131"/>
      <c r="Y127" s="131"/>
      <c r="Z127" s="131"/>
      <c r="AA127" s="131"/>
      <c r="AB127" s="131"/>
      <c r="AC127" s="156"/>
      <c r="AD127" s="132"/>
      <c r="AE127" s="132"/>
      <c r="AF127" s="132"/>
      <c r="AG127" s="132"/>
      <c r="AH127" s="132"/>
      <c r="AI127" s="132"/>
      <c r="AJ127" s="157"/>
      <c r="AK127" s="156"/>
      <c r="AL127" s="131"/>
      <c r="AM127" s="157"/>
      <c r="AN127" s="156"/>
      <c r="AO127" s="157"/>
      <c r="AP127" s="157"/>
      <c r="AQ127" s="130"/>
    </row>
    <row r="128" spans="1:43" x14ac:dyDescent="0.25">
      <c r="A128" s="154"/>
      <c r="B128" s="155"/>
      <c r="C128" s="5" t="s">
        <v>97</v>
      </c>
      <c r="D128" s="157"/>
      <c r="E128" s="131"/>
      <c r="F128" s="131"/>
      <c r="G128" s="131"/>
      <c r="H128" s="131"/>
      <c r="I128" s="131"/>
      <c r="J128" s="131"/>
      <c r="K128" s="131"/>
      <c r="L128" s="156"/>
      <c r="M128" s="7"/>
      <c r="N128" s="7"/>
      <c r="O128" s="7"/>
      <c r="P128" s="7"/>
      <c r="Q128" s="7"/>
      <c r="R128" s="159"/>
      <c r="S128" s="159"/>
      <c r="T128" s="156"/>
      <c r="U128" s="131"/>
      <c r="V128" s="131"/>
      <c r="W128" s="131"/>
      <c r="X128" s="131"/>
      <c r="Y128" s="131"/>
      <c r="Z128" s="131"/>
      <c r="AA128" s="131"/>
      <c r="AB128" s="131"/>
      <c r="AC128" s="156"/>
      <c r="AD128" s="132"/>
      <c r="AE128" s="132"/>
      <c r="AF128" s="132"/>
      <c r="AG128" s="132"/>
      <c r="AH128" s="132"/>
      <c r="AI128" s="132"/>
      <c r="AJ128" s="157"/>
      <c r="AK128" s="156"/>
      <c r="AL128" s="131"/>
      <c r="AM128" s="157"/>
      <c r="AN128" s="156"/>
      <c r="AO128" s="157"/>
      <c r="AP128" s="157"/>
      <c r="AQ128" s="130"/>
    </row>
    <row r="129" spans="1:43" x14ac:dyDescent="0.25">
      <c r="A129" s="154"/>
      <c r="B129" s="155"/>
      <c r="C129" s="5" t="s">
        <v>98</v>
      </c>
      <c r="D129" s="157"/>
      <c r="E129" s="131"/>
      <c r="F129" s="131"/>
      <c r="G129" s="131"/>
      <c r="H129" s="131"/>
      <c r="I129" s="131"/>
      <c r="J129" s="131"/>
      <c r="K129" s="131"/>
      <c r="L129" s="156"/>
      <c r="M129" s="7"/>
      <c r="N129" s="7"/>
      <c r="O129" s="7"/>
      <c r="P129" s="7"/>
      <c r="Q129" s="7"/>
      <c r="R129" s="159"/>
      <c r="S129" s="159"/>
      <c r="T129" s="156"/>
      <c r="U129" s="131"/>
      <c r="V129" s="131"/>
      <c r="W129" s="131"/>
      <c r="X129" s="131"/>
      <c r="Y129" s="131"/>
      <c r="Z129" s="131"/>
      <c r="AA129" s="131"/>
      <c r="AB129" s="131"/>
      <c r="AC129" s="156"/>
      <c r="AD129" s="132"/>
      <c r="AE129" s="132"/>
      <c r="AF129" s="132"/>
      <c r="AG129" s="132"/>
      <c r="AH129" s="132"/>
      <c r="AI129" s="132"/>
      <c r="AJ129" s="157"/>
      <c r="AK129" s="156"/>
      <c r="AL129" s="131"/>
      <c r="AM129" s="157"/>
      <c r="AN129" s="156"/>
      <c r="AO129" s="157"/>
      <c r="AP129" s="157"/>
      <c r="AQ129" s="130"/>
    </row>
    <row r="130" spans="1:43" x14ac:dyDescent="0.25">
      <c r="A130" s="154"/>
      <c r="B130" s="155"/>
      <c r="C130" s="5" t="s">
        <v>99</v>
      </c>
      <c r="D130" s="157"/>
      <c r="E130" s="131"/>
      <c r="F130" s="131"/>
      <c r="G130" s="131"/>
      <c r="H130" s="131"/>
      <c r="I130" s="131"/>
      <c r="J130" s="131"/>
      <c r="K130" s="131"/>
      <c r="L130" s="156"/>
      <c r="M130" s="7"/>
      <c r="N130" s="7"/>
      <c r="O130" s="7"/>
      <c r="P130" s="7"/>
      <c r="Q130" s="7"/>
      <c r="R130" s="159"/>
      <c r="S130" s="159"/>
      <c r="T130" s="156"/>
      <c r="U130" s="131"/>
      <c r="V130" s="131"/>
      <c r="W130" s="131"/>
      <c r="X130" s="131"/>
      <c r="Y130" s="131"/>
      <c r="Z130" s="131"/>
      <c r="AA130" s="131"/>
      <c r="AB130" s="131"/>
      <c r="AC130" s="156"/>
      <c r="AD130" s="132"/>
      <c r="AE130" s="132"/>
      <c r="AF130" s="132"/>
      <c r="AG130" s="132"/>
      <c r="AH130" s="132"/>
      <c r="AI130" s="132"/>
      <c r="AJ130" s="157"/>
      <c r="AK130" s="156"/>
      <c r="AL130" s="131"/>
      <c r="AM130" s="157"/>
      <c r="AN130" s="156"/>
      <c r="AO130" s="157"/>
      <c r="AP130" s="157"/>
      <c r="AQ130" s="130"/>
    </row>
    <row r="131" spans="1:43" ht="45" x14ac:dyDescent="0.25">
      <c r="A131" s="154" t="s">
        <v>390</v>
      </c>
      <c r="B131" s="155" t="s">
        <v>92</v>
      </c>
      <c r="C131" s="3" t="s">
        <v>93</v>
      </c>
      <c r="D131" s="157" t="s">
        <v>684</v>
      </c>
      <c r="E131" s="131">
        <v>4</v>
      </c>
      <c r="F131" s="131">
        <v>3</v>
      </c>
      <c r="G131" s="131">
        <v>2</v>
      </c>
      <c r="H131" s="131">
        <v>4</v>
      </c>
      <c r="I131" s="131">
        <v>3</v>
      </c>
      <c r="J131" s="131"/>
      <c r="K131" s="131">
        <v>4</v>
      </c>
      <c r="L131" s="156" t="s">
        <v>427</v>
      </c>
      <c r="M131" s="7">
        <v>3</v>
      </c>
      <c r="N131" s="7">
        <v>5</v>
      </c>
      <c r="O131" s="7">
        <v>3</v>
      </c>
      <c r="P131" s="7">
        <v>5</v>
      </c>
      <c r="Q131" s="7">
        <v>5</v>
      </c>
      <c r="R131" s="159" t="s">
        <v>263</v>
      </c>
      <c r="S131" s="159" t="s">
        <v>264</v>
      </c>
      <c r="T131" s="156" t="s">
        <v>84</v>
      </c>
      <c r="U131" s="131" t="s">
        <v>261</v>
      </c>
      <c r="V131" s="131">
        <v>5</v>
      </c>
      <c r="W131" s="131">
        <v>4</v>
      </c>
      <c r="X131" s="131">
        <v>3</v>
      </c>
      <c r="Y131" s="131">
        <v>3</v>
      </c>
      <c r="Z131" s="131">
        <v>3</v>
      </c>
      <c r="AA131" s="131"/>
      <c r="AB131" s="131">
        <v>4</v>
      </c>
      <c r="AC131" s="156" t="s">
        <v>623</v>
      </c>
      <c r="AD131" s="132"/>
      <c r="AE131" s="132"/>
      <c r="AF131" s="132"/>
      <c r="AG131" s="132"/>
      <c r="AH131" s="132"/>
      <c r="AI131" s="132"/>
      <c r="AJ131" s="157" t="s">
        <v>345</v>
      </c>
      <c r="AK131" s="156" t="s">
        <v>84</v>
      </c>
      <c r="AL131" s="131" t="s">
        <v>261</v>
      </c>
      <c r="AM131" s="157" t="s">
        <v>592</v>
      </c>
      <c r="AN131" s="156"/>
      <c r="AO131" s="157" t="s">
        <v>390</v>
      </c>
      <c r="AP131" s="157" t="s">
        <v>84</v>
      </c>
      <c r="AQ131" s="130" t="s">
        <v>261</v>
      </c>
    </row>
    <row r="132" spans="1:43" x14ac:dyDescent="0.25">
      <c r="A132" s="154"/>
      <c r="B132" s="155"/>
      <c r="C132" s="3" t="s">
        <v>94</v>
      </c>
      <c r="D132" s="157"/>
      <c r="E132" s="131"/>
      <c r="F132" s="131"/>
      <c r="G132" s="131"/>
      <c r="H132" s="131"/>
      <c r="I132" s="131"/>
      <c r="J132" s="131"/>
      <c r="K132" s="131"/>
      <c r="L132" s="156"/>
      <c r="M132" s="7"/>
      <c r="N132" s="7"/>
      <c r="O132" s="7"/>
      <c r="P132" s="7"/>
      <c r="Q132" s="7"/>
      <c r="R132" s="159"/>
      <c r="S132" s="159"/>
      <c r="T132" s="156"/>
      <c r="U132" s="131" t="s">
        <v>520</v>
      </c>
      <c r="V132" s="131"/>
      <c r="W132" s="131"/>
      <c r="X132" s="131"/>
      <c r="Y132" s="131"/>
      <c r="Z132" s="131"/>
      <c r="AA132" s="131"/>
      <c r="AB132" s="131"/>
      <c r="AC132" s="156"/>
      <c r="AD132" s="132">
        <v>4.5</v>
      </c>
      <c r="AE132" s="132">
        <v>4.5</v>
      </c>
      <c r="AF132" s="132">
        <v>3.75</v>
      </c>
      <c r="AG132" s="132">
        <v>3</v>
      </c>
      <c r="AH132" s="132">
        <v>3.75</v>
      </c>
      <c r="AI132" s="132">
        <v>4.75</v>
      </c>
      <c r="AJ132" s="157"/>
      <c r="AK132" s="156"/>
      <c r="AL132" s="131" t="s">
        <v>520</v>
      </c>
      <c r="AM132" s="157"/>
      <c r="AN132" s="156"/>
      <c r="AO132" s="157"/>
      <c r="AP132" s="157"/>
      <c r="AQ132" s="130" t="s">
        <v>520</v>
      </c>
    </row>
    <row r="133" spans="1:43" x14ac:dyDescent="0.25">
      <c r="A133" s="154"/>
      <c r="B133" s="155"/>
      <c r="C133" s="3" t="s">
        <v>96</v>
      </c>
      <c r="D133" s="157"/>
      <c r="E133" s="131"/>
      <c r="F133" s="131"/>
      <c r="G133" s="131"/>
      <c r="H133" s="131"/>
      <c r="I133" s="131"/>
      <c r="J133" s="131"/>
      <c r="K133" s="131"/>
      <c r="L133" s="156"/>
      <c r="M133" s="7"/>
      <c r="N133" s="7"/>
      <c r="O133" s="7"/>
      <c r="P133" s="7"/>
      <c r="Q133" s="7"/>
      <c r="R133" s="159"/>
      <c r="S133" s="159"/>
      <c r="T133" s="156"/>
      <c r="U133" s="131" t="s">
        <v>521</v>
      </c>
      <c r="V133" s="131"/>
      <c r="W133" s="131"/>
      <c r="X133" s="131"/>
      <c r="Y133" s="131"/>
      <c r="Z133" s="131"/>
      <c r="AA133" s="131"/>
      <c r="AB133" s="131"/>
      <c r="AC133" s="156"/>
      <c r="AD133" s="132">
        <v>4.5</v>
      </c>
      <c r="AE133" s="132">
        <v>4.5</v>
      </c>
      <c r="AF133" s="132">
        <v>3.75</v>
      </c>
      <c r="AG133" s="132">
        <v>4</v>
      </c>
      <c r="AH133" s="132">
        <v>3.75</v>
      </c>
      <c r="AI133" s="132">
        <v>4.75</v>
      </c>
      <c r="AJ133" s="157"/>
      <c r="AK133" s="156"/>
      <c r="AL133" s="131" t="s">
        <v>521</v>
      </c>
      <c r="AM133" s="157"/>
      <c r="AN133" s="156"/>
      <c r="AO133" s="157"/>
      <c r="AP133" s="157"/>
      <c r="AQ133" s="130" t="s">
        <v>521</v>
      </c>
    </row>
    <row r="134" spans="1:43" x14ac:dyDescent="0.25">
      <c r="A134" s="154"/>
      <c r="B134" s="155"/>
      <c r="C134" s="3" t="s">
        <v>97</v>
      </c>
      <c r="D134" s="157"/>
      <c r="E134" s="131"/>
      <c r="F134" s="131"/>
      <c r="G134" s="131"/>
      <c r="H134" s="131"/>
      <c r="I134" s="131"/>
      <c r="J134" s="131"/>
      <c r="K134" s="131"/>
      <c r="L134" s="156"/>
      <c r="M134" s="7"/>
      <c r="N134" s="7"/>
      <c r="O134" s="7"/>
      <c r="P134" s="7"/>
      <c r="Q134" s="7"/>
      <c r="R134" s="159"/>
      <c r="S134" s="159"/>
      <c r="T134" s="156"/>
      <c r="U134" s="131" t="s">
        <v>522</v>
      </c>
      <c r="V134" s="131"/>
      <c r="W134" s="131"/>
      <c r="X134" s="131"/>
      <c r="Y134" s="131"/>
      <c r="Z134" s="131"/>
      <c r="AA134" s="131"/>
      <c r="AB134" s="131"/>
      <c r="AC134" s="156"/>
      <c r="AD134" s="132">
        <v>4.5</v>
      </c>
      <c r="AE134" s="132">
        <v>4.5</v>
      </c>
      <c r="AF134" s="132">
        <v>3.75</v>
      </c>
      <c r="AG134" s="132">
        <v>3</v>
      </c>
      <c r="AH134" s="132">
        <v>3.75</v>
      </c>
      <c r="AI134" s="132">
        <v>4.25</v>
      </c>
      <c r="AJ134" s="157"/>
      <c r="AK134" s="156"/>
      <c r="AL134" s="131" t="s">
        <v>522</v>
      </c>
      <c r="AM134" s="157"/>
      <c r="AN134" s="156"/>
      <c r="AO134" s="157"/>
      <c r="AP134" s="157"/>
      <c r="AQ134" s="130" t="s">
        <v>522</v>
      </c>
    </row>
    <row r="135" spans="1:43" x14ac:dyDescent="0.25">
      <c r="A135" s="154"/>
      <c r="B135" s="155"/>
      <c r="C135" s="3" t="s">
        <v>98</v>
      </c>
      <c r="D135" s="157"/>
      <c r="E135" s="131"/>
      <c r="F135" s="131"/>
      <c r="G135" s="131"/>
      <c r="H135" s="131"/>
      <c r="I135" s="131"/>
      <c r="J135" s="131"/>
      <c r="K135" s="131"/>
      <c r="L135" s="156"/>
      <c r="M135" s="7"/>
      <c r="N135" s="7"/>
      <c r="O135" s="7"/>
      <c r="P135" s="7"/>
      <c r="Q135" s="7"/>
      <c r="R135" s="159"/>
      <c r="S135" s="159"/>
      <c r="T135" s="156"/>
      <c r="U135" s="131" t="s">
        <v>98</v>
      </c>
      <c r="V135" s="131"/>
      <c r="W135" s="131"/>
      <c r="X135" s="131"/>
      <c r="Y135" s="131"/>
      <c r="Z135" s="131"/>
      <c r="AA135" s="131"/>
      <c r="AB135" s="131"/>
      <c r="AC135" s="156"/>
      <c r="AD135" s="132">
        <v>4.5</v>
      </c>
      <c r="AE135" s="132">
        <v>4.5</v>
      </c>
      <c r="AF135" s="132">
        <v>3.75</v>
      </c>
      <c r="AG135" s="132">
        <v>4</v>
      </c>
      <c r="AH135" s="132">
        <v>3.75</v>
      </c>
      <c r="AI135" s="132">
        <v>4.75</v>
      </c>
      <c r="AJ135" s="157"/>
      <c r="AK135" s="156"/>
      <c r="AL135" s="131" t="s">
        <v>98</v>
      </c>
      <c r="AM135" s="157"/>
      <c r="AN135" s="156"/>
      <c r="AO135" s="157"/>
      <c r="AP135" s="157"/>
      <c r="AQ135" s="130" t="s">
        <v>98</v>
      </c>
    </row>
    <row r="136" spans="1:43" x14ac:dyDescent="0.25">
      <c r="A136" s="154"/>
      <c r="B136" s="155"/>
      <c r="C136" s="3" t="s">
        <v>99</v>
      </c>
      <c r="D136" s="157"/>
      <c r="E136" s="131"/>
      <c r="F136" s="131"/>
      <c r="G136" s="131"/>
      <c r="H136" s="131"/>
      <c r="I136" s="131"/>
      <c r="J136" s="131"/>
      <c r="K136" s="131"/>
      <c r="L136" s="156"/>
      <c r="M136" s="7"/>
      <c r="N136" s="7"/>
      <c r="O136" s="7"/>
      <c r="P136" s="7"/>
      <c r="Q136" s="7"/>
      <c r="R136" s="159"/>
      <c r="S136" s="159"/>
      <c r="T136" s="156"/>
      <c r="U136" s="131" t="s">
        <v>523</v>
      </c>
      <c r="V136" s="131"/>
      <c r="W136" s="131"/>
      <c r="X136" s="131"/>
      <c r="Y136" s="131"/>
      <c r="Z136" s="131"/>
      <c r="AA136" s="131"/>
      <c r="AB136" s="131"/>
      <c r="AC136" s="156"/>
      <c r="AD136" s="132">
        <v>4.5</v>
      </c>
      <c r="AE136" s="132">
        <v>4.5</v>
      </c>
      <c r="AF136" s="132">
        <v>3.75</v>
      </c>
      <c r="AG136" s="132">
        <v>4</v>
      </c>
      <c r="AH136" s="132">
        <v>3.75</v>
      </c>
      <c r="AI136" s="132">
        <v>4.75</v>
      </c>
      <c r="AJ136" s="157"/>
      <c r="AK136" s="156"/>
      <c r="AL136" s="131" t="s">
        <v>523</v>
      </c>
      <c r="AM136" s="157"/>
      <c r="AN136" s="156"/>
      <c r="AO136" s="157"/>
      <c r="AP136" s="157"/>
      <c r="AQ136" s="130" t="s">
        <v>523</v>
      </c>
    </row>
    <row r="137" spans="1:43" ht="30" x14ac:dyDescent="0.25">
      <c r="A137" s="154" t="s">
        <v>390</v>
      </c>
      <c r="B137" s="155" t="s">
        <v>101</v>
      </c>
      <c r="C137" s="3" t="s">
        <v>102</v>
      </c>
      <c r="D137" s="157" t="s">
        <v>448</v>
      </c>
      <c r="E137" s="131">
        <v>2</v>
      </c>
      <c r="F137" s="131">
        <v>1</v>
      </c>
      <c r="G137" s="131">
        <v>3</v>
      </c>
      <c r="H137" s="131">
        <v>1</v>
      </c>
      <c r="I137" s="131">
        <v>3</v>
      </c>
      <c r="J137" s="131">
        <v>3</v>
      </c>
      <c r="K137" s="131">
        <v>2</v>
      </c>
      <c r="L137" s="156" t="s">
        <v>426</v>
      </c>
      <c r="M137" s="7"/>
      <c r="N137" s="7"/>
      <c r="O137" s="7"/>
      <c r="P137" s="7"/>
      <c r="Q137" s="7"/>
      <c r="R137" s="159"/>
      <c r="S137" s="159"/>
      <c r="T137" s="156"/>
      <c r="U137" s="131" t="s">
        <v>524</v>
      </c>
      <c r="V137" s="131"/>
      <c r="W137" s="131"/>
      <c r="X137" s="131"/>
      <c r="Y137" s="131"/>
      <c r="Z137" s="131"/>
      <c r="AA137" s="131"/>
      <c r="AB137" s="131"/>
      <c r="AC137" s="156"/>
      <c r="AD137" s="132">
        <v>4.5</v>
      </c>
      <c r="AE137" s="132">
        <v>4.5</v>
      </c>
      <c r="AF137" s="132">
        <v>3.25</v>
      </c>
      <c r="AG137" s="132">
        <v>3.3333333333333335</v>
      </c>
      <c r="AH137" s="132">
        <v>3.75</v>
      </c>
      <c r="AI137" s="132">
        <v>4.25</v>
      </c>
      <c r="AJ137" s="157"/>
      <c r="AK137" s="156"/>
      <c r="AL137" s="131" t="s">
        <v>524</v>
      </c>
      <c r="AM137" s="157"/>
      <c r="AN137" s="156"/>
      <c r="AO137" s="157"/>
      <c r="AP137" s="157"/>
      <c r="AQ137" s="130" t="s">
        <v>524</v>
      </c>
    </row>
    <row r="138" spans="1:43" x14ac:dyDescent="0.25">
      <c r="A138" s="154"/>
      <c r="B138" s="155"/>
      <c r="C138" s="3" t="s">
        <v>94</v>
      </c>
      <c r="D138" s="157"/>
      <c r="E138" s="131"/>
      <c r="F138" s="131"/>
      <c r="G138" s="131"/>
      <c r="H138" s="131"/>
      <c r="I138" s="131"/>
      <c r="J138" s="131"/>
      <c r="K138" s="131"/>
      <c r="L138" s="156"/>
      <c r="M138" s="7"/>
      <c r="N138" s="7"/>
      <c r="O138" s="7"/>
      <c r="P138" s="7"/>
      <c r="Q138" s="7"/>
      <c r="R138" s="159"/>
      <c r="S138" s="159"/>
      <c r="T138" s="156"/>
      <c r="U138" s="131"/>
      <c r="V138" s="131"/>
      <c r="W138" s="131"/>
      <c r="X138" s="131"/>
      <c r="Y138" s="131"/>
      <c r="Z138" s="131"/>
      <c r="AA138" s="131"/>
      <c r="AB138" s="131"/>
      <c r="AC138" s="156"/>
      <c r="AD138" s="132"/>
      <c r="AE138" s="132"/>
      <c r="AF138" s="132"/>
      <c r="AG138" s="132"/>
      <c r="AH138" s="132"/>
      <c r="AI138" s="132"/>
      <c r="AJ138" s="157"/>
      <c r="AK138" s="156"/>
      <c r="AL138" s="131" t="s">
        <v>519</v>
      </c>
      <c r="AM138" s="157"/>
      <c r="AN138" s="156"/>
      <c r="AO138" s="157"/>
      <c r="AP138" s="157"/>
      <c r="AQ138" s="130" t="s">
        <v>519</v>
      </c>
    </row>
    <row r="139" spans="1:43" x14ac:dyDescent="0.25">
      <c r="A139" s="154"/>
      <c r="B139" s="155"/>
      <c r="C139" s="3" t="s">
        <v>96</v>
      </c>
      <c r="D139" s="157"/>
      <c r="E139" s="131"/>
      <c r="F139" s="131"/>
      <c r="G139" s="131"/>
      <c r="H139" s="131"/>
      <c r="I139" s="131"/>
      <c r="J139" s="131"/>
      <c r="K139" s="131"/>
      <c r="L139" s="156"/>
      <c r="M139" s="7"/>
      <c r="N139" s="7"/>
      <c r="O139" s="7"/>
      <c r="P139" s="7"/>
      <c r="Q139" s="7"/>
      <c r="R139" s="159"/>
      <c r="S139" s="159"/>
      <c r="T139" s="156"/>
      <c r="U139" s="131"/>
      <c r="V139" s="131"/>
      <c r="W139" s="131"/>
      <c r="X139" s="131"/>
      <c r="Y139" s="131"/>
      <c r="Z139" s="131"/>
      <c r="AA139" s="131"/>
      <c r="AB139" s="131"/>
      <c r="AC139" s="156"/>
      <c r="AD139" s="132"/>
      <c r="AE139" s="132"/>
      <c r="AF139" s="132"/>
      <c r="AG139" s="132"/>
      <c r="AH139" s="132"/>
      <c r="AI139" s="132"/>
      <c r="AJ139" s="157"/>
      <c r="AK139" s="156"/>
      <c r="AL139" s="131"/>
      <c r="AM139" s="157"/>
      <c r="AN139" s="156"/>
      <c r="AO139" s="157"/>
      <c r="AP139" s="157"/>
      <c r="AQ139" s="130"/>
    </row>
    <row r="140" spans="1:43" x14ac:dyDescent="0.25">
      <c r="A140" s="154"/>
      <c r="B140" s="155"/>
      <c r="C140" s="3" t="s">
        <v>97</v>
      </c>
      <c r="D140" s="157"/>
      <c r="E140" s="131"/>
      <c r="F140" s="131"/>
      <c r="G140" s="131"/>
      <c r="H140" s="131"/>
      <c r="I140" s="131"/>
      <c r="J140" s="131"/>
      <c r="K140" s="131"/>
      <c r="L140" s="156"/>
      <c r="M140" s="7"/>
      <c r="N140" s="7"/>
      <c r="O140" s="7"/>
      <c r="P140" s="7"/>
      <c r="Q140" s="7"/>
      <c r="R140" s="159"/>
      <c r="S140" s="159"/>
      <c r="T140" s="156"/>
      <c r="U140" s="131"/>
      <c r="V140" s="131"/>
      <c r="W140" s="131"/>
      <c r="X140" s="131"/>
      <c r="Y140" s="131"/>
      <c r="Z140" s="131"/>
      <c r="AA140" s="131"/>
      <c r="AB140" s="131"/>
      <c r="AC140" s="156"/>
      <c r="AD140" s="132"/>
      <c r="AE140" s="132"/>
      <c r="AF140" s="132"/>
      <c r="AG140" s="132"/>
      <c r="AH140" s="132"/>
      <c r="AI140" s="132"/>
      <c r="AJ140" s="157"/>
      <c r="AK140" s="156"/>
      <c r="AL140" s="131"/>
      <c r="AM140" s="157"/>
      <c r="AN140" s="156"/>
      <c r="AO140" s="157"/>
      <c r="AP140" s="157"/>
      <c r="AQ140" s="130"/>
    </row>
    <row r="141" spans="1:43" x14ac:dyDescent="0.25">
      <c r="A141" s="154"/>
      <c r="B141" s="155"/>
      <c r="C141" s="3" t="s">
        <v>98</v>
      </c>
      <c r="D141" s="157"/>
      <c r="E141" s="131"/>
      <c r="F141" s="131"/>
      <c r="G141" s="131"/>
      <c r="H141" s="131"/>
      <c r="I141" s="131"/>
      <c r="J141" s="131"/>
      <c r="K141" s="131"/>
      <c r="L141" s="156"/>
      <c r="M141" s="7"/>
      <c r="N141" s="7"/>
      <c r="O141" s="7"/>
      <c r="P141" s="7"/>
      <c r="Q141" s="7"/>
      <c r="R141" s="159"/>
      <c r="S141" s="159"/>
      <c r="T141" s="156"/>
      <c r="U141" s="131"/>
      <c r="V141" s="131"/>
      <c r="W141" s="131"/>
      <c r="X141" s="131"/>
      <c r="Y141" s="131"/>
      <c r="Z141" s="131"/>
      <c r="AA141" s="131"/>
      <c r="AB141" s="131"/>
      <c r="AC141" s="156"/>
      <c r="AD141" s="132"/>
      <c r="AE141" s="132"/>
      <c r="AF141" s="132"/>
      <c r="AG141" s="132"/>
      <c r="AH141" s="132"/>
      <c r="AI141" s="132"/>
      <c r="AJ141" s="157"/>
      <c r="AK141" s="156"/>
      <c r="AL141" s="131"/>
      <c r="AM141" s="157"/>
      <c r="AN141" s="156"/>
      <c r="AO141" s="157"/>
      <c r="AP141" s="157"/>
      <c r="AQ141" s="130"/>
    </row>
    <row r="142" spans="1:43" x14ac:dyDescent="0.25">
      <c r="A142" s="154"/>
      <c r="B142" s="155"/>
      <c r="C142" s="3" t="s">
        <v>99</v>
      </c>
      <c r="D142" s="157"/>
      <c r="E142" s="131"/>
      <c r="F142" s="131"/>
      <c r="G142" s="131"/>
      <c r="H142" s="131"/>
      <c r="I142" s="131"/>
      <c r="J142" s="131"/>
      <c r="K142" s="131"/>
      <c r="L142" s="156"/>
      <c r="M142" s="7"/>
      <c r="N142" s="7"/>
      <c r="O142" s="7"/>
      <c r="P142" s="7"/>
      <c r="Q142" s="7"/>
      <c r="R142" s="159"/>
      <c r="S142" s="159"/>
      <c r="T142" s="156"/>
      <c r="U142" s="131"/>
      <c r="V142" s="131"/>
      <c r="W142" s="131"/>
      <c r="X142" s="131"/>
      <c r="Y142" s="131"/>
      <c r="Z142" s="131"/>
      <c r="AA142" s="131"/>
      <c r="AB142" s="131"/>
      <c r="AC142" s="156"/>
      <c r="AD142" s="132"/>
      <c r="AE142" s="132"/>
      <c r="AF142" s="132"/>
      <c r="AG142" s="132"/>
      <c r="AH142" s="132"/>
      <c r="AI142" s="132"/>
      <c r="AJ142" s="157"/>
      <c r="AK142" s="156"/>
      <c r="AL142" s="131"/>
      <c r="AM142" s="157"/>
      <c r="AN142" s="156"/>
      <c r="AO142" s="157"/>
      <c r="AP142" s="157"/>
      <c r="AQ142" s="130"/>
    </row>
    <row r="143" spans="1:43" ht="30" x14ac:dyDescent="0.25">
      <c r="A143" s="154" t="s">
        <v>390</v>
      </c>
      <c r="B143" s="155" t="s">
        <v>103</v>
      </c>
      <c r="C143" s="3" t="s">
        <v>104</v>
      </c>
      <c r="D143" s="157"/>
      <c r="E143" s="131">
        <v>5</v>
      </c>
      <c r="F143" s="131">
        <v>4</v>
      </c>
      <c r="G143" s="131">
        <v>3</v>
      </c>
      <c r="H143" s="131">
        <v>3</v>
      </c>
      <c r="I143" s="131">
        <v>3</v>
      </c>
      <c r="J143" s="131"/>
      <c r="K143" s="131">
        <v>4</v>
      </c>
      <c r="L143" s="156" t="s">
        <v>425</v>
      </c>
      <c r="M143" s="7"/>
      <c r="N143" s="7"/>
      <c r="O143" s="7"/>
      <c r="P143" s="7"/>
      <c r="Q143" s="7"/>
      <c r="R143" s="159"/>
      <c r="S143" s="159"/>
      <c r="T143" s="156"/>
      <c r="U143" s="131"/>
      <c r="V143" s="131"/>
      <c r="W143" s="131"/>
      <c r="X143" s="131"/>
      <c r="Y143" s="131"/>
      <c r="Z143" s="131"/>
      <c r="AA143" s="131"/>
      <c r="AB143" s="131"/>
      <c r="AC143" s="156"/>
      <c r="AD143" s="133"/>
      <c r="AE143" s="133"/>
      <c r="AF143" s="133"/>
      <c r="AG143" s="133"/>
      <c r="AH143" s="133"/>
      <c r="AI143" s="133"/>
      <c r="AJ143" s="157"/>
      <c r="AK143" s="156"/>
      <c r="AL143" s="131"/>
      <c r="AM143" s="157"/>
      <c r="AN143" s="156"/>
      <c r="AO143" s="157"/>
      <c r="AP143" s="157"/>
      <c r="AQ143" s="130"/>
    </row>
    <row r="144" spans="1:43" x14ac:dyDescent="0.25">
      <c r="A144" s="154"/>
      <c r="B144" s="155"/>
      <c r="C144" s="3" t="s">
        <v>94</v>
      </c>
      <c r="D144" s="157"/>
      <c r="E144" s="131"/>
      <c r="F144" s="131"/>
      <c r="G144" s="131"/>
      <c r="H144" s="131"/>
      <c r="I144" s="131"/>
      <c r="J144" s="131"/>
      <c r="K144" s="131"/>
      <c r="L144" s="156"/>
      <c r="M144" s="7"/>
      <c r="N144" s="7"/>
      <c r="O144" s="7"/>
      <c r="P144" s="7"/>
      <c r="Q144" s="7"/>
      <c r="R144" s="159"/>
      <c r="S144" s="159"/>
      <c r="T144" s="156"/>
      <c r="U144" s="131"/>
      <c r="V144" s="131"/>
      <c r="W144" s="131"/>
      <c r="X144" s="131"/>
      <c r="Y144" s="131"/>
      <c r="Z144" s="131"/>
      <c r="AA144" s="131"/>
      <c r="AB144" s="131"/>
      <c r="AC144" s="156"/>
      <c r="AD144" s="133"/>
      <c r="AE144" s="133"/>
      <c r="AF144" s="133"/>
      <c r="AG144" s="133"/>
      <c r="AH144" s="133"/>
      <c r="AI144" s="133"/>
      <c r="AJ144" s="157"/>
      <c r="AK144" s="156"/>
      <c r="AL144" s="131"/>
      <c r="AM144" s="157"/>
      <c r="AN144" s="156"/>
      <c r="AO144" s="157"/>
      <c r="AP144" s="157"/>
      <c r="AQ144" s="130"/>
    </row>
    <row r="145" spans="1:43" x14ac:dyDescent="0.25">
      <c r="A145" s="154"/>
      <c r="B145" s="155"/>
      <c r="C145" s="3" t="s">
        <v>96</v>
      </c>
      <c r="D145" s="157"/>
      <c r="E145" s="131"/>
      <c r="F145" s="131"/>
      <c r="G145" s="131"/>
      <c r="H145" s="131"/>
      <c r="I145" s="131"/>
      <c r="J145" s="131"/>
      <c r="K145" s="131"/>
      <c r="L145" s="156"/>
      <c r="M145" s="7"/>
      <c r="N145" s="7"/>
      <c r="O145" s="7"/>
      <c r="P145" s="7"/>
      <c r="Q145" s="7"/>
      <c r="R145" s="159"/>
      <c r="S145" s="159"/>
      <c r="T145" s="156"/>
      <c r="U145" s="131"/>
      <c r="V145" s="131"/>
      <c r="W145" s="131"/>
      <c r="X145" s="131"/>
      <c r="Y145" s="131"/>
      <c r="Z145" s="131"/>
      <c r="AA145" s="131"/>
      <c r="AB145" s="131"/>
      <c r="AC145" s="156"/>
      <c r="AD145" s="133"/>
      <c r="AE145" s="133"/>
      <c r="AF145" s="133"/>
      <c r="AG145" s="133"/>
      <c r="AH145" s="133"/>
      <c r="AI145" s="133"/>
      <c r="AJ145" s="157"/>
      <c r="AK145" s="156"/>
      <c r="AL145" s="131"/>
      <c r="AM145" s="157"/>
      <c r="AN145" s="156"/>
      <c r="AO145" s="157"/>
      <c r="AP145" s="157"/>
      <c r="AQ145" s="130"/>
    </row>
    <row r="146" spans="1:43" x14ac:dyDescent="0.25">
      <c r="A146" s="154"/>
      <c r="B146" s="155"/>
      <c r="C146" s="3" t="s">
        <v>97</v>
      </c>
      <c r="D146" s="157"/>
      <c r="E146" s="131"/>
      <c r="F146" s="131"/>
      <c r="G146" s="131"/>
      <c r="H146" s="131"/>
      <c r="I146" s="131"/>
      <c r="J146" s="131"/>
      <c r="K146" s="131"/>
      <c r="L146" s="156"/>
      <c r="M146" s="7"/>
      <c r="N146" s="7"/>
      <c r="O146" s="7"/>
      <c r="P146" s="7"/>
      <c r="Q146" s="7"/>
      <c r="R146" s="159"/>
      <c r="S146" s="159"/>
      <c r="T146" s="156"/>
      <c r="U146" s="131"/>
      <c r="V146" s="131"/>
      <c r="W146" s="131"/>
      <c r="X146" s="131"/>
      <c r="Y146" s="131"/>
      <c r="Z146" s="131"/>
      <c r="AA146" s="131"/>
      <c r="AB146" s="131"/>
      <c r="AC146" s="156"/>
      <c r="AD146" s="133"/>
      <c r="AE146" s="133"/>
      <c r="AF146" s="133"/>
      <c r="AG146" s="133"/>
      <c r="AH146" s="133"/>
      <c r="AI146" s="133"/>
      <c r="AJ146" s="157"/>
      <c r="AK146" s="156"/>
      <c r="AL146" s="131"/>
      <c r="AM146" s="157"/>
      <c r="AN146" s="156"/>
      <c r="AO146" s="157"/>
      <c r="AP146" s="157"/>
      <c r="AQ146" s="130"/>
    </row>
    <row r="147" spans="1:43" x14ac:dyDescent="0.25">
      <c r="A147" s="154"/>
      <c r="B147" s="155"/>
      <c r="C147" s="3" t="s">
        <v>98</v>
      </c>
      <c r="D147" s="157"/>
      <c r="E147" s="131"/>
      <c r="F147" s="131"/>
      <c r="G147" s="131"/>
      <c r="H147" s="131"/>
      <c r="I147" s="131"/>
      <c r="J147" s="131"/>
      <c r="K147" s="131"/>
      <c r="L147" s="156"/>
      <c r="M147" s="7"/>
      <c r="N147" s="7"/>
      <c r="O147" s="7"/>
      <c r="P147" s="7"/>
      <c r="Q147" s="7"/>
      <c r="R147" s="159"/>
      <c r="S147" s="159"/>
      <c r="T147" s="156"/>
      <c r="U147" s="131"/>
      <c r="V147" s="131"/>
      <c r="W147" s="131"/>
      <c r="X147" s="131"/>
      <c r="Y147" s="131"/>
      <c r="Z147" s="131"/>
      <c r="AA147" s="131"/>
      <c r="AB147" s="131"/>
      <c r="AC147" s="156"/>
      <c r="AD147" s="133"/>
      <c r="AE147" s="133"/>
      <c r="AF147" s="133"/>
      <c r="AG147" s="133"/>
      <c r="AH147" s="133"/>
      <c r="AI147" s="133"/>
      <c r="AJ147" s="157"/>
      <c r="AK147" s="156"/>
      <c r="AL147" s="131"/>
      <c r="AM147" s="157"/>
      <c r="AN147" s="156"/>
      <c r="AO147" s="157"/>
      <c r="AP147" s="157"/>
      <c r="AQ147" s="130"/>
    </row>
    <row r="148" spans="1:43" x14ac:dyDescent="0.25">
      <c r="A148" s="154"/>
      <c r="B148" s="155"/>
      <c r="C148" s="3" t="s">
        <v>99</v>
      </c>
      <c r="D148" s="157"/>
      <c r="E148" s="131"/>
      <c r="F148" s="131"/>
      <c r="G148" s="131"/>
      <c r="H148" s="131"/>
      <c r="I148" s="131"/>
      <c r="J148" s="131"/>
      <c r="K148" s="131"/>
      <c r="L148" s="156"/>
      <c r="M148" s="7"/>
      <c r="N148" s="7"/>
      <c r="O148" s="7"/>
      <c r="P148" s="7"/>
      <c r="Q148" s="7"/>
      <c r="R148" s="159"/>
      <c r="S148" s="159"/>
      <c r="T148" s="156"/>
      <c r="U148" s="131"/>
      <c r="V148" s="131"/>
      <c r="W148" s="131"/>
      <c r="X148" s="131"/>
      <c r="Y148" s="131"/>
      <c r="Z148" s="131"/>
      <c r="AA148" s="131"/>
      <c r="AB148" s="131"/>
      <c r="AC148" s="156"/>
      <c r="AD148" s="133"/>
      <c r="AE148" s="133"/>
      <c r="AF148" s="133"/>
      <c r="AG148" s="133"/>
      <c r="AH148" s="133"/>
      <c r="AI148" s="133"/>
      <c r="AJ148" s="157"/>
      <c r="AK148" s="156"/>
      <c r="AL148" s="131"/>
      <c r="AM148" s="157"/>
      <c r="AN148" s="156"/>
      <c r="AO148" s="157"/>
      <c r="AP148" s="157"/>
      <c r="AQ148" s="130"/>
    </row>
    <row r="149" spans="1:43" ht="30" x14ac:dyDescent="0.25">
      <c r="A149" s="154" t="s">
        <v>390</v>
      </c>
      <c r="B149" s="155" t="s">
        <v>105</v>
      </c>
      <c r="C149" s="3" t="s">
        <v>265</v>
      </c>
      <c r="D149" s="157" t="s">
        <v>449</v>
      </c>
      <c r="E149" s="131">
        <v>3</v>
      </c>
      <c r="F149" s="131">
        <v>4</v>
      </c>
      <c r="G149" s="131">
        <v>3</v>
      </c>
      <c r="H149" s="131">
        <v>5</v>
      </c>
      <c r="I149" s="131">
        <v>3</v>
      </c>
      <c r="J149" s="131">
        <v>1</v>
      </c>
      <c r="K149" s="131">
        <v>4</v>
      </c>
      <c r="L149" s="156" t="s">
        <v>424</v>
      </c>
      <c r="M149" s="7"/>
      <c r="N149" s="7"/>
      <c r="O149" s="7"/>
      <c r="P149" s="7"/>
      <c r="Q149" s="7"/>
      <c r="R149" s="159"/>
      <c r="S149" s="159"/>
      <c r="T149" s="156"/>
      <c r="U149" s="131"/>
      <c r="V149" s="131"/>
      <c r="W149" s="131"/>
      <c r="X149" s="131"/>
      <c r="Y149" s="131"/>
      <c r="Z149" s="131"/>
      <c r="AA149" s="131"/>
      <c r="AB149" s="131"/>
      <c r="AC149" s="156"/>
      <c r="AD149" s="132"/>
      <c r="AE149" s="132"/>
      <c r="AF149" s="132"/>
      <c r="AG149" s="132"/>
      <c r="AH149" s="132"/>
      <c r="AI149" s="132"/>
      <c r="AJ149" s="157"/>
      <c r="AK149" s="156"/>
      <c r="AL149" s="131"/>
      <c r="AM149" s="157"/>
      <c r="AN149" s="156"/>
      <c r="AO149" s="157"/>
      <c r="AP149" s="157"/>
      <c r="AQ149" s="130"/>
    </row>
    <row r="150" spans="1:43" x14ac:dyDescent="0.25">
      <c r="A150" s="154"/>
      <c r="B150" s="155"/>
      <c r="C150" s="3" t="s">
        <v>94</v>
      </c>
      <c r="D150" s="157"/>
      <c r="E150" s="131"/>
      <c r="F150" s="131"/>
      <c r="G150" s="131"/>
      <c r="H150" s="131"/>
      <c r="I150" s="131"/>
      <c r="J150" s="131"/>
      <c r="K150" s="131"/>
      <c r="L150" s="156"/>
      <c r="M150" s="7"/>
      <c r="N150" s="7"/>
      <c r="O150" s="7"/>
      <c r="P150" s="7"/>
      <c r="Q150" s="7"/>
      <c r="R150" s="159"/>
      <c r="S150" s="159"/>
      <c r="T150" s="156"/>
      <c r="U150" s="131"/>
      <c r="V150" s="131"/>
      <c r="W150" s="131"/>
      <c r="X150" s="131"/>
      <c r="Y150" s="131"/>
      <c r="Z150" s="131"/>
      <c r="AA150" s="131"/>
      <c r="AB150" s="131"/>
      <c r="AC150" s="156"/>
      <c r="AD150" s="132"/>
      <c r="AE150" s="132"/>
      <c r="AF150" s="132"/>
      <c r="AG150" s="132"/>
      <c r="AH150" s="132"/>
      <c r="AI150" s="132"/>
      <c r="AJ150" s="157"/>
      <c r="AK150" s="156"/>
      <c r="AL150" s="131"/>
      <c r="AM150" s="157"/>
      <c r="AN150" s="156"/>
      <c r="AO150" s="157"/>
      <c r="AP150" s="157"/>
      <c r="AQ150" s="130"/>
    </row>
    <row r="151" spans="1:43" x14ac:dyDescent="0.25">
      <c r="A151" s="154"/>
      <c r="B151" s="155"/>
      <c r="C151" s="3" t="s">
        <v>96</v>
      </c>
      <c r="D151" s="157"/>
      <c r="E151" s="131"/>
      <c r="F151" s="131"/>
      <c r="G151" s="131"/>
      <c r="H151" s="131"/>
      <c r="I151" s="131"/>
      <c r="J151" s="131"/>
      <c r="K151" s="131"/>
      <c r="L151" s="156"/>
      <c r="M151" s="7"/>
      <c r="N151" s="7"/>
      <c r="O151" s="7"/>
      <c r="P151" s="7"/>
      <c r="Q151" s="7"/>
      <c r="R151" s="159"/>
      <c r="S151" s="159"/>
      <c r="T151" s="156"/>
      <c r="U151" s="131"/>
      <c r="V151" s="131"/>
      <c r="W151" s="131"/>
      <c r="X151" s="131"/>
      <c r="Y151" s="131"/>
      <c r="Z151" s="131"/>
      <c r="AA151" s="131"/>
      <c r="AB151" s="131"/>
      <c r="AC151" s="156"/>
      <c r="AD151" s="132"/>
      <c r="AE151" s="132"/>
      <c r="AF151" s="132"/>
      <c r="AG151" s="132"/>
      <c r="AH151" s="132"/>
      <c r="AI151" s="132"/>
      <c r="AJ151" s="157"/>
      <c r="AK151" s="156"/>
      <c r="AL151" s="131"/>
      <c r="AM151" s="157"/>
      <c r="AN151" s="156"/>
      <c r="AO151" s="157"/>
      <c r="AP151" s="157"/>
      <c r="AQ151" s="130"/>
    </row>
    <row r="152" spans="1:43" x14ac:dyDescent="0.25">
      <c r="A152" s="154"/>
      <c r="B152" s="155"/>
      <c r="C152" s="3" t="s">
        <v>97</v>
      </c>
      <c r="D152" s="157"/>
      <c r="E152" s="131"/>
      <c r="F152" s="131"/>
      <c r="G152" s="131"/>
      <c r="H152" s="131"/>
      <c r="I152" s="131"/>
      <c r="J152" s="131"/>
      <c r="K152" s="131"/>
      <c r="L152" s="156"/>
      <c r="M152" s="7"/>
      <c r="N152" s="7"/>
      <c r="O152" s="7"/>
      <c r="P152" s="7"/>
      <c r="Q152" s="7"/>
      <c r="R152" s="159"/>
      <c r="S152" s="159"/>
      <c r="T152" s="156"/>
      <c r="U152" s="131"/>
      <c r="V152" s="131"/>
      <c r="W152" s="131"/>
      <c r="X152" s="131"/>
      <c r="Y152" s="131"/>
      <c r="Z152" s="131"/>
      <c r="AA152" s="131"/>
      <c r="AB152" s="131"/>
      <c r="AC152" s="156"/>
      <c r="AD152" s="132"/>
      <c r="AE152" s="132"/>
      <c r="AF152" s="132"/>
      <c r="AG152" s="132"/>
      <c r="AH152" s="132"/>
      <c r="AI152" s="132"/>
      <c r="AJ152" s="157"/>
      <c r="AK152" s="156"/>
      <c r="AL152" s="131"/>
      <c r="AM152" s="157"/>
      <c r="AN152" s="156"/>
      <c r="AO152" s="157"/>
      <c r="AP152" s="157"/>
      <c r="AQ152" s="130"/>
    </row>
    <row r="153" spans="1:43" x14ac:dyDescent="0.25">
      <c r="A153" s="154"/>
      <c r="B153" s="155"/>
      <c r="C153" s="3" t="s">
        <v>98</v>
      </c>
      <c r="D153" s="157"/>
      <c r="E153" s="131"/>
      <c r="F153" s="131"/>
      <c r="G153" s="131"/>
      <c r="H153" s="131"/>
      <c r="I153" s="131"/>
      <c r="J153" s="131"/>
      <c r="K153" s="131"/>
      <c r="L153" s="156"/>
      <c r="M153" s="7"/>
      <c r="N153" s="7"/>
      <c r="O153" s="7"/>
      <c r="P153" s="7"/>
      <c r="Q153" s="7"/>
      <c r="R153" s="159"/>
      <c r="S153" s="159"/>
      <c r="T153" s="156"/>
      <c r="U153" s="131"/>
      <c r="V153" s="131"/>
      <c r="W153" s="131"/>
      <c r="X153" s="131"/>
      <c r="Y153" s="131"/>
      <c r="Z153" s="131"/>
      <c r="AA153" s="131"/>
      <c r="AB153" s="131"/>
      <c r="AC153" s="156"/>
      <c r="AD153" s="132"/>
      <c r="AE153" s="132"/>
      <c r="AF153" s="132"/>
      <c r="AG153" s="132"/>
      <c r="AH153" s="132"/>
      <c r="AI153" s="132"/>
      <c r="AJ153" s="157"/>
      <c r="AK153" s="156"/>
      <c r="AL153" s="131"/>
      <c r="AM153" s="157"/>
      <c r="AN153" s="156"/>
      <c r="AO153" s="157"/>
      <c r="AP153" s="157"/>
      <c r="AQ153" s="130"/>
    </row>
    <row r="154" spans="1:43" x14ac:dyDescent="0.25">
      <c r="A154" s="154"/>
      <c r="B154" s="155"/>
      <c r="C154" s="3" t="s">
        <v>99</v>
      </c>
      <c r="D154" s="157"/>
      <c r="E154" s="131"/>
      <c r="F154" s="131"/>
      <c r="G154" s="131"/>
      <c r="H154" s="131"/>
      <c r="I154" s="131"/>
      <c r="J154" s="131"/>
      <c r="K154" s="131"/>
      <c r="L154" s="156"/>
      <c r="M154" s="7"/>
      <c r="N154" s="7"/>
      <c r="O154" s="7"/>
      <c r="P154" s="7"/>
      <c r="Q154" s="7"/>
      <c r="R154" s="159"/>
      <c r="S154" s="159"/>
      <c r="T154" s="156"/>
      <c r="U154" s="131"/>
      <c r="V154" s="131"/>
      <c r="W154" s="131"/>
      <c r="X154" s="131"/>
      <c r="Y154" s="131"/>
      <c r="Z154" s="131"/>
      <c r="AA154" s="131"/>
      <c r="AB154" s="131"/>
      <c r="AC154" s="156"/>
      <c r="AD154" s="132"/>
      <c r="AE154" s="132"/>
      <c r="AF154" s="132"/>
      <c r="AG154" s="132"/>
      <c r="AH154" s="132"/>
      <c r="AI154" s="132"/>
      <c r="AJ154" s="157"/>
      <c r="AK154" s="156"/>
      <c r="AL154" s="131"/>
      <c r="AM154" s="157"/>
      <c r="AN154" s="156"/>
      <c r="AO154" s="157"/>
      <c r="AP154" s="157"/>
      <c r="AQ154" s="130"/>
    </row>
    <row r="155" spans="1:43" ht="30" x14ac:dyDescent="0.25">
      <c r="A155" s="55" t="s">
        <v>390</v>
      </c>
      <c r="B155" s="3" t="s">
        <v>108</v>
      </c>
      <c r="C155" s="3" t="s">
        <v>109</v>
      </c>
      <c r="D155" s="130" t="s">
        <v>450</v>
      </c>
      <c r="E155" s="131">
        <v>5</v>
      </c>
      <c r="F155" s="131">
        <v>5</v>
      </c>
      <c r="G155" s="131">
        <v>5</v>
      </c>
      <c r="H155" s="131">
        <v>3</v>
      </c>
      <c r="I155" s="131">
        <v>3</v>
      </c>
      <c r="J155" s="131">
        <v>5</v>
      </c>
      <c r="K155" s="131">
        <v>5</v>
      </c>
      <c r="L155" s="131"/>
      <c r="M155" s="7"/>
      <c r="N155" s="7"/>
      <c r="O155" s="7"/>
      <c r="P155" s="7"/>
      <c r="Q155" s="7"/>
      <c r="R155" s="10"/>
      <c r="S155" s="10" t="s">
        <v>266</v>
      </c>
      <c r="T155" s="113"/>
      <c r="U155" s="113"/>
      <c r="V155" s="113"/>
      <c r="W155" s="113"/>
      <c r="X155" s="113"/>
      <c r="Y155" s="113"/>
      <c r="Z155" s="113"/>
      <c r="AA155" s="113"/>
      <c r="AB155" s="113"/>
      <c r="AC155" s="113"/>
      <c r="AD155" s="124"/>
      <c r="AE155" s="124"/>
      <c r="AF155" s="124"/>
      <c r="AG155" s="124"/>
      <c r="AH155" s="124"/>
      <c r="AI155" s="124"/>
      <c r="AJ155" s="113"/>
      <c r="AK155" s="113"/>
      <c r="AL155" s="113"/>
      <c r="AM155" s="113"/>
      <c r="AN155" s="113"/>
      <c r="AO155" s="113"/>
      <c r="AP155" s="113"/>
      <c r="AQ155" s="113"/>
    </row>
    <row r="156" spans="1:43" ht="30" x14ac:dyDescent="0.25">
      <c r="A156" s="55" t="s">
        <v>390</v>
      </c>
      <c r="B156" s="3" t="s">
        <v>111</v>
      </c>
      <c r="C156" s="3" t="s">
        <v>112</v>
      </c>
      <c r="D156" s="130" t="s">
        <v>451</v>
      </c>
      <c r="E156" s="131">
        <v>5</v>
      </c>
      <c r="F156" s="131">
        <v>5</v>
      </c>
      <c r="G156" s="131">
        <v>5</v>
      </c>
      <c r="H156" s="131">
        <v>3</v>
      </c>
      <c r="I156" s="131">
        <v>3</v>
      </c>
      <c r="J156" s="131">
        <v>5</v>
      </c>
      <c r="K156" s="131">
        <v>5</v>
      </c>
      <c r="L156" s="131"/>
      <c r="M156" s="7"/>
      <c r="N156" s="7"/>
      <c r="O156" s="7"/>
      <c r="P156" s="7"/>
      <c r="Q156" s="7"/>
      <c r="R156" s="10"/>
      <c r="S156" s="10" t="s">
        <v>266</v>
      </c>
      <c r="T156" s="113"/>
      <c r="U156" s="113"/>
      <c r="V156" s="113"/>
      <c r="W156" s="113"/>
      <c r="X156" s="113"/>
      <c r="Y156" s="113"/>
      <c r="Z156" s="113"/>
      <c r="AA156" s="113"/>
      <c r="AB156" s="113"/>
      <c r="AC156" s="113"/>
      <c r="AD156" s="124"/>
      <c r="AE156" s="124"/>
      <c r="AF156" s="124"/>
      <c r="AG156" s="124"/>
      <c r="AH156" s="124"/>
      <c r="AI156" s="124"/>
      <c r="AJ156" s="113"/>
      <c r="AK156" s="113"/>
      <c r="AL156" s="113"/>
      <c r="AM156" s="113"/>
      <c r="AN156" s="113"/>
      <c r="AO156" s="113"/>
      <c r="AP156" s="113"/>
      <c r="AQ156" s="113"/>
    </row>
    <row r="157" spans="1:43" ht="255" x14ac:dyDescent="0.25">
      <c r="A157" s="55" t="s">
        <v>390</v>
      </c>
      <c r="B157" s="3" t="s">
        <v>113</v>
      </c>
      <c r="C157" s="3" t="s">
        <v>115</v>
      </c>
      <c r="D157" s="130" t="s">
        <v>452</v>
      </c>
      <c r="E157" s="131">
        <v>5</v>
      </c>
      <c r="F157" s="131">
        <v>1</v>
      </c>
      <c r="G157" s="131">
        <v>5</v>
      </c>
      <c r="H157" s="131">
        <v>5</v>
      </c>
      <c r="I157" s="131">
        <v>1</v>
      </c>
      <c r="J157" s="131">
        <v>5</v>
      </c>
      <c r="K157" s="131">
        <v>5</v>
      </c>
      <c r="L157" s="131" t="s">
        <v>566</v>
      </c>
      <c r="M157" s="7">
        <v>4</v>
      </c>
      <c r="N157" s="7">
        <v>5</v>
      </c>
      <c r="O157" s="7">
        <v>1</v>
      </c>
      <c r="P157" s="7">
        <v>3</v>
      </c>
      <c r="Q157" s="7">
        <v>5</v>
      </c>
      <c r="R157" s="10" t="s">
        <v>267</v>
      </c>
      <c r="S157" s="10" t="s">
        <v>268</v>
      </c>
      <c r="T157" s="113"/>
      <c r="U157" s="113"/>
      <c r="V157" s="113"/>
      <c r="W157" s="113"/>
      <c r="X157" s="113"/>
      <c r="Y157" s="113"/>
      <c r="Z157" s="113"/>
      <c r="AA157" s="113"/>
      <c r="AB157" s="113"/>
      <c r="AC157" s="113"/>
      <c r="AD157" s="124"/>
      <c r="AE157" s="124"/>
      <c r="AF157" s="124"/>
      <c r="AG157" s="124"/>
      <c r="AH157" s="124"/>
      <c r="AI157" s="124"/>
      <c r="AJ157" s="113"/>
      <c r="AK157" s="113"/>
      <c r="AL157" s="113"/>
      <c r="AM157" s="113"/>
      <c r="AN157" s="113"/>
      <c r="AO157" s="113"/>
      <c r="AP157" s="113"/>
      <c r="AQ157" s="113"/>
    </row>
    <row r="158" spans="1:43" ht="45" x14ac:dyDescent="0.25">
      <c r="A158" s="154" t="s">
        <v>390</v>
      </c>
      <c r="B158" s="155" t="s">
        <v>116</v>
      </c>
      <c r="C158" s="3" t="s">
        <v>507</v>
      </c>
      <c r="D158" s="157" t="s">
        <v>453</v>
      </c>
      <c r="E158" s="131">
        <v>5</v>
      </c>
      <c r="F158" s="131">
        <v>3</v>
      </c>
      <c r="G158" s="131">
        <v>5</v>
      </c>
      <c r="H158" s="131"/>
      <c r="I158" s="131">
        <v>5</v>
      </c>
      <c r="J158" s="131"/>
      <c r="K158" s="131"/>
      <c r="L158" s="156" t="s">
        <v>484</v>
      </c>
      <c r="M158" s="7"/>
      <c r="N158" s="7"/>
      <c r="O158" s="7"/>
      <c r="P158" s="7"/>
      <c r="Q158" s="7"/>
      <c r="R158" s="159"/>
      <c r="S158" s="159" t="s">
        <v>262</v>
      </c>
      <c r="T158" s="156" t="s">
        <v>48</v>
      </c>
      <c r="U158" s="131" t="s">
        <v>505</v>
      </c>
      <c r="V158" s="131">
        <v>5</v>
      </c>
      <c r="W158" s="131">
        <v>3</v>
      </c>
      <c r="X158" s="131">
        <v>5</v>
      </c>
      <c r="Y158" s="131">
        <v>5</v>
      </c>
      <c r="Z158" s="131">
        <v>5</v>
      </c>
      <c r="AA158" s="131"/>
      <c r="AB158" s="131"/>
      <c r="AC158" s="156" t="s">
        <v>561</v>
      </c>
      <c r="AD158" s="132"/>
      <c r="AE158" s="132"/>
      <c r="AF158" s="132"/>
      <c r="AG158" s="132"/>
      <c r="AH158" s="132"/>
      <c r="AI158" s="132"/>
      <c r="AJ158" s="157" t="s">
        <v>311</v>
      </c>
      <c r="AK158" s="156" t="s">
        <v>74</v>
      </c>
      <c r="AL158" s="131" t="s">
        <v>505</v>
      </c>
      <c r="AM158" s="157" t="s">
        <v>599</v>
      </c>
      <c r="AN158" s="131" t="s">
        <v>603</v>
      </c>
      <c r="AO158" s="157" t="s">
        <v>634</v>
      </c>
      <c r="AP158" s="157" t="s">
        <v>71</v>
      </c>
      <c r="AQ158" s="130" t="s">
        <v>505</v>
      </c>
    </row>
    <row r="159" spans="1:43" x14ac:dyDescent="0.25">
      <c r="A159" s="154"/>
      <c r="B159" s="155"/>
      <c r="C159" s="125"/>
      <c r="D159" s="157"/>
      <c r="E159" s="131"/>
      <c r="F159" s="131"/>
      <c r="G159" s="131"/>
      <c r="H159" s="131"/>
      <c r="I159" s="131"/>
      <c r="J159" s="131"/>
      <c r="K159" s="131"/>
      <c r="L159" s="156"/>
      <c r="M159" s="7"/>
      <c r="N159" s="7"/>
      <c r="O159" s="7"/>
      <c r="P159" s="7"/>
      <c r="Q159" s="7"/>
      <c r="R159" s="159"/>
      <c r="S159" s="159"/>
      <c r="T159" s="156"/>
      <c r="U159" s="131" t="s">
        <v>472</v>
      </c>
      <c r="V159" s="131"/>
      <c r="W159" s="131"/>
      <c r="X159" s="131"/>
      <c r="Y159" s="131"/>
      <c r="Z159" s="131"/>
      <c r="AA159" s="131"/>
      <c r="AB159" s="131"/>
      <c r="AC159" s="156"/>
      <c r="AD159" s="132">
        <v>4.75</v>
      </c>
      <c r="AE159" s="132">
        <v>4.75</v>
      </c>
      <c r="AF159" s="132">
        <v>4.75</v>
      </c>
      <c r="AG159" s="132">
        <v>4.75</v>
      </c>
      <c r="AH159" s="132">
        <v>4.75</v>
      </c>
      <c r="AI159" s="132">
        <v>4.5</v>
      </c>
      <c r="AJ159" s="157"/>
      <c r="AK159" s="156"/>
      <c r="AL159" s="131" t="s">
        <v>472</v>
      </c>
      <c r="AM159" s="157"/>
      <c r="AN159" s="131"/>
      <c r="AO159" s="157"/>
      <c r="AP159" s="157"/>
      <c r="AQ159" s="130" t="s">
        <v>635</v>
      </c>
    </row>
    <row r="160" spans="1:43" x14ac:dyDescent="0.25">
      <c r="A160" s="154"/>
      <c r="B160" s="155"/>
      <c r="C160" s="125"/>
      <c r="D160" s="157"/>
      <c r="E160" s="131"/>
      <c r="F160" s="131"/>
      <c r="G160" s="131"/>
      <c r="H160" s="131"/>
      <c r="I160" s="131"/>
      <c r="J160" s="131"/>
      <c r="K160" s="131"/>
      <c r="L160" s="156"/>
      <c r="M160" s="7"/>
      <c r="N160" s="7"/>
      <c r="O160" s="7"/>
      <c r="P160" s="7"/>
      <c r="Q160" s="7"/>
      <c r="R160" s="159"/>
      <c r="S160" s="159"/>
      <c r="T160" s="156"/>
      <c r="U160" s="131" t="s">
        <v>473</v>
      </c>
      <c r="V160" s="131"/>
      <c r="W160" s="131"/>
      <c r="X160" s="131"/>
      <c r="Y160" s="131"/>
      <c r="Z160" s="131"/>
      <c r="AA160" s="131"/>
      <c r="AB160" s="131"/>
      <c r="AC160" s="156"/>
      <c r="AD160" s="132">
        <v>4.75</v>
      </c>
      <c r="AE160" s="132">
        <v>4.75</v>
      </c>
      <c r="AF160" s="132">
        <v>4.75</v>
      </c>
      <c r="AG160" s="132">
        <v>4.75</v>
      </c>
      <c r="AH160" s="132">
        <v>4.75</v>
      </c>
      <c r="AI160" s="132">
        <v>4.5</v>
      </c>
      <c r="AJ160" s="157"/>
      <c r="AK160" s="156"/>
      <c r="AL160" s="131" t="s">
        <v>473</v>
      </c>
      <c r="AM160" s="157"/>
      <c r="AN160" s="131"/>
      <c r="AO160" s="157"/>
      <c r="AP160" s="157"/>
      <c r="AQ160" s="130" t="s">
        <v>313</v>
      </c>
    </row>
    <row r="161" spans="1:43" x14ac:dyDescent="0.25">
      <c r="A161" s="154"/>
      <c r="B161" s="155"/>
      <c r="C161" s="125"/>
      <c r="D161" s="157"/>
      <c r="E161" s="131"/>
      <c r="F161" s="131"/>
      <c r="G161" s="131"/>
      <c r="H161" s="131"/>
      <c r="I161" s="131"/>
      <c r="J161" s="131"/>
      <c r="K161" s="131"/>
      <c r="L161" s="156"/>
      <c r="M161" s="7"/>
      <c r="N161" s="7"/>
      <c r="O161" s="7"/>
      <c r="P161" s="7"/>
      <c r="Q161" s="7"/>
      <c r="R161" s="159"/>
      <c r="S161" s="159"/>
      <c r="T161" s="156"/>
      <c r="U161" s="131" t="s">
        <v>474</v>
      </c>
      <c r="V161" s="131"/>
      <c r="W161" s="131"/>
      <c r="X161" s="131"/>
      <c r="Y161" s="131"/>
      <c r="Z161" s="131"/>
      <c r="AA161" s="131"/>
      <c r="AB161" s="131"/>
      <c r="AC161" s="156"/>
      <c r="AD161" s="132">
        <v>4.75</v>
      </c>
      <c r="AE161" s="132">
        <v>4.75</v>
      </c>
      <c r="AF161" s="132">
        <v>4.75</v>
      </c>
      <c r="AG161" s="132">
        <v>4.75</v>
      </c>
      <c r="AH161" s="132">
        <v>4.75</v>
      </c>
      <c r="AI161" s="132">
        <v>4.5</v>
      </c>
      <c r="AJ161" s="157"/>
      <c r="AK161" s="156"/>
      <c r="AL161" s="131" t="s">
        <v>474</v>
      </c>
      <c r="AM161" s="157"/>
      <c r="AN161" s="131"/>
      <c r="AO161" s="157"/>
      <c r="AP161" s="157"/>
      <c r="AQ161" s="130" t="s">
        <v>636</v>
      </c>
    </row>
    <row r="162" spans="1:43" x14ac:dyDescent="0.25">
      <c r="A162" s="154"/>
      <c r="B162" s="155"/>
      <c r="C162" s="125"/>
      <c r="D162" s="157"/>
      <c r="E162" s="131"/>
      <c r="F162" s="131"/>
      <c r="G162" s="131"/>
      <c r="H162" s="131"/>
      <c r="I162" s="131"/>
      <c r="J162" s="131"/>
      <c r="K162" s="131"/>
      <c r="L162" s="156"/>
      <c r="M162" s="7"/>
      <c r="N162" s="7"/>
      <c r="O162" s="7"/>
      <c r="P162" s="7"/>
      <c r="Q162" s="7"/>
      <c r="R162" s="159"/>
      <c r="S162" s="159"/>
      <c r="T162" s="156"/>
      <c r="U162" s="131" t="s">
        <v>475</v>
      </c>
      <c r="V162" s="131"/>
      <c r="W162" s="131"/>
      <c r="X162" s="131"/>
      <c r="Y162" s="131"/>
      <c r="Z162" s="131"/>
      <c r="AA162" s="131"/>
      <c r="AB162" s="131"/>
      <c r="AC162" s="156"/>
      <c r="AD162" s="132">
        <v>4.75</v>
      </c>
      <c r="AE162" s="132">
        <v>4.75</v>
      </c>
      <c r="AF162" s="132">
        <v>4.75</v>
      </c>
      <c r="AG162" s="132">
        <v>4.75</v>
      </c>
      <c r="AH162" s="132">
        <v>4.75</v>
      </c>
      <c r="AI162" s="132">
        <v>4.5</v>
      </c>
      <c r="AJ162" s="157"/>
      <c r="AK162" s="156"/>
      <c r="AL162" s="131" t="s">
        <v>475</v>
      </c>
      <c r="AM162" s="157"/>
      <c r="AN162" s="131"/>
      <c r="AO162" s="157"/>
      <c r="AP162" s="157"/>
      <c r="AQ162" s="130" t="s">
        <v>314</v>
      </c>
    </row>
    <row r="163" spans="1:43" x14ac:dyDescent="0.25">
      <c r="A163" s="154"/>
      <c r="B163" s="155"/>
      <c r="C163" s="125"/>
      <c r="D163" s="157"/>
      <c r="E163" s="131"/>
      <c r="F163" s="131"/>
      <c r="G163" s="131"/>
      <c r="H163" s="131"/>
      <c r="I163" s="131"/>
      <c r="J163" s="131"/>
      <c r="K163" s="131"/>
      <c r="L163" s="156"/>
      <c r="M163" s="7"/>
      <c r="N163" s="7"/>
      <c r="O163" s="7"/>
      <c r="P163" s="7"/>
      <c r="Q163" s="7"/>
      <c r="R163" s="159"/>
      <c r="S163" s="159"/>
      <c r="T163" s="156"/>
      <c r="U163" s="131" t="s">
        <v>476</v>
      </c>
      <c r="V163" s="131"/>
      <c r="W163" s="131"/>
      <c r="X163" s="131"/>
      <c r="Y163" s="131"/>
      <c r="Z163" s="131"/>
      <c r="AA163" s="131"/>
      <c r="AB163" s="131"/>
      <c r="AC163" s="156"/>
      <c r="AD163" s="132">
        <v>4.75</v>
      </c>
      <c r="AE163" s="132">
        <v>4.75</v>
      </c>
      <c r="AF163" s="132">
        <v>4.75</v>
      </c>
      <c r="AG163" s="132">
        <v>4.75</v>
      </c>
      <c r="AH163" s="132">
        <v>4.75</v>
      </c>
      <c r="AI163" s="132">
        <v>4.5</v>
      </c>
      <c r="AJ163" s="157"/>
      <c r="AK163" s="156"/>
      <c r="AL163" s="131" t="s">
        <v>476</v>
      </c>
      <c r="AM163" s="157"/>
      <c r="AN163" s="131"/>
      <c r="AO163" s="157"/>
      <c r="AP163" s="157"/>
      <c r="AQ163" s="130" t="s">
        <v>637</v>
      </c>
    </row>
    <row r="164" spans="1:43" x14ac:dyDescent="0.25">
      <c r="A164" s="154"/>
      <c r="B164" s="155"/>
      <c r="C164" s="125"/>
      <c r="D164" s="157"/>
      <c r="E164" s="131"/>
      <c r="F164" s="131"/>
      <c r="G164" s="131"/>
      <c r="H164" s="131"/>
      <c r="I164" s="131"/>
      <c r="J164" s="131"/>
      <c r="K164" s="131"/>
      <c r="L164" s="156"/>
      <c r="M164" s="7"/>
      <c r="N164" s="7"/>
      <c r="O164" s="7"/>
      <c r="P164" s="7"/>
      <c r="Q164" s="7"/>
      <c r="R164" s="159"/>
      <c r="S164" s="159"/>
      <c r="T164" s="156"/>
      <c r="U164" s="131" t="s">
        <v>477</v>
      </c>
      <c r="V164" s="131"/>
      <c r="W164" s="131"/>
      <c r="X164" s="131"/>
      <c r="Y164" s="131"/>
      <c r="Z164" s="131"/>
      <c r="AA164" s="131"/>
      <c r="AB164" s="131"/>
      <c r="AC164" s="156"/>
      <c r="AD164" s="132">
        <v>4.666666666666667</v>
      </c>
      <c r="AE164" s="132">
        <v>4.75</v>
      </c>
      <c r="AF164" s="132">
        <v>4.75</v>
      </c>
      <c r="AG164" s="132">
        <v>4.75</v>
      </c>
      <c r="AH164" s="132">
        <v>4.75</v>
      </c>
      <c r="AI164" s="132">
        <v>4.5</v>
      </c>
      <c r="AJ164" s="157"/>
      <c r="AK164" s="156"/>
      <c r="AL164" s="131" t="s">
        <v>477</v>
      </c>
      <c r="AM164" s="157"/>
      <c r="AN164" s="131"/>
      <c r="AO164" s="157"/>
      <c r="AP164" s="157"/>
      <c r="AQ164" s="130" t="s">
        <v>638</v>
      </c>
    </row>
    <row r="165" spans="1:43" x14ac:dyDescent="0.25">
      <c r="A165" s="154"/>
      <c r="B165" s="155"/>
      <c r="C165" s="125"/>
      <c r="D165" s="157"/>
      <c r="E165" s="131"/>
      <c r="F165" s="131"/>
      <c r="G165" s="131"/>
      <c r="H165" s="131"/>
      <c r="I165" s="131"/>
      <c r="J165" s="131"/>
      <c r="K165" s="131"/>
      <c r="L165" s="156"/>
      <c r="M165" s="7"/>
      <c r="N165" s="7"/>
      <c r="O165" s="7"/>
      <c r="P165" s="7"/>
      <c r="Q165" s="7"/>
      <c r="R165" s="159"/>
      <c r="S165" s="159"/>
      <c r="T165" s="156"/>
      <c r="U165" s="131"/>
      <c r="V165" s="131"/>
      <c r="W165" s="131"/>
      <c r="X165" s="131"/>
      <c r="Y165" s="131"/>
      <c r="Z165" s="131"/>
      <c r="AA165" s="131"/>
      <c r="AB165" s="131"/>
      <c r="AC165" s="156"/>
      <c r="AD165" s="132"/>
      <c r="AE165" s="132"/>
      <c r="AF165" s="132"/>
      <c r="AG165" s="132"/>
      <c r="AH165" s="132"/>
      <c r="AI165" s="132"/>
      <c r="AJ165" s="157"/>
      <c r="AK165" s="156" t="s">
        <v>78</v>
      </c>
      <c r="AL165" s="131" t="s">
        <v>506</v>
      </c>
      <c r="AM165" s="157"/>
      <c r="AN165" s="156" t="s">
        <v>604</v>
      </c>
      <c r="AO165" s="157" t="s">
        <v>634</v>
      </c>
      <c r="AP165" s="157" t="s">
        <v>74</v>
      </c>
      <c r="AQ165" s="130" t="s">
        <v>506</v>
      </c>
    </row>
    <row r="166" spans="1:43" x14ac:dyDescent="0.25">
      <c r="A166" s="154"/>
      <c r="B166" s="155"/>
      <c r="C166" s="125"/>
      <c r="D166" s="157"/>
      <c r="E166" s="131"/>
      <c r="F166" s="131"/>
      <c r="G166" s="131"/>
      <c r="H166" s="131"/>
      <c r="I166" s="131"/>
      <c r="J166" s="131"/>
      <c r="K166" s="131"/>
      <c r="L166" s="156"/>
      <c r="M166" s="7"/>
      <c r="N166" s="7"/>
      <c r="O166" s="7"/>
      <c r="P166" s="7"/>
      <c r="Q166" s="7"/>
      <c r="R166" s="159"/>
      <c r="S166" s="159"/>
      <c r="T166" s="156"/>
      <c r="U166" s="131"/>
      <c r="V166" s="131"/>
      <c r="W166" s="131"/>
      <c r="X166" s="131"/>
      <c r="Y166" s="131"/>
      <c r="Z166" s="131"/>
      <c r="AA166" s="131"/>
      <c r="AB166" s="131"/>
      <c r="AC166" s="156"/>
      <c r="AD166" s="132"/>
      <c r="AE166" s="132"/>
      <c r="AF166" s="132"/>
      <c r="AG166" s="132"/>
      <c r="AH166" s="132"/>
      <c r="AI166" s="132"/>
      <c r="AJ166" s="157"/>
      <c r="AK166" s="156"/>
      <c r="AL166" s="131"/>
      <c r="AM166" s="157"/>
      <c r="AN166" s="156"/>
      <c r="AO166" s="157"/>
      <c r="AP166" s="157"/>
      <c r="AQ166" s="130" t="s">
        <v>635</v>
      </c>
    </row>
    <row r="167" spans="1:43" x14ac:dyDescent="0.25">
      <c r="A167" s="154"/>
      <c r="B167" s="155"/>
      <c r="C167" s="125"/>
      <c r="D167" s="157"/>
      <c r="E167" s="131"/>
      <c r="F167" s="131"/>
      <c r="G167" s="131"/>
      <c r="H167" s="131"/>
      <c r="I167" s="131"/>
      <c r="J167" s="131"/>
      <c r="K167" s="131"/>
      <c r="L167" s="156"/>
      <c r="M167" s="7"/>
      <c r="N167" s="7"/>
      <c r="O167" s="7"/>
      <c r="P167" s="7"/>
      <c r="Q167" s="7"/>
      <c r="R167" s="159"/>
      <c r="S167" s="159"/>
      <c r="T167" s="156"/>
      <c r="U167" s="131"/>
      <c r="V167" s="131"/>
      <c r="W167" s="131"/>
      <c r="X167" s="131"/>
      <c r="Y167" s="131"/>
      <c r="Z167" s="131"/>
      <c r="AA167" s="131"/>
      <c r="AB167" s="131"/>
      <c r="AC167" s="156"/>
      <c r="AD167" s="132"/>
      <c r="AE167" s="132"/>
      <c r="AF167" s="132"/>
      <c r="AG167" s="132"/>
      <c r="AH167" s="132"/>
      <c r="AI167" s="132"/>
      <c r="AJ167" s="157"/>
      <c r="AK167" s="156"/>
      <c r="AL167" s="131"/>
      <c r="AM167" s="157"/>
      <c r="AN167" s="156"/>
      <c r="AO167" s="157"/>
      <c r="AP167" s="157"/>
      <c r="AQ167" s="130" t="s">
        <v>313</v>
      </c>
    </row>
    <row r="168" spans="1:43" x14ac:dyDescent="0.25">
      <c r="A168" s="154"/>
      <c r="B168" s="155"/>
      <c r="C168" s="125"/>
      <c r="D168" s="157"/>
      <c r="E168" s="131"/>
      <c r="F168" s="131"/>
      <c r="G168" s="131"/>
      <c r="H168" s="131"/>
      <c r="I168" s="131"/>
      <c r="J168" s="131"/>
      <c r="K168" s="131"/>
      <c r="L168" s="156"/>
      <c r="M168" s="7"/>
      <c r="N168" s="7"/>
      <c r="O168" s="7"/>
      <c r="P168" s="7"/>
      <c r="Q168" s="7"/>
      <c r="R168" s="159"/>
      <c r="S168" s="159"/>
      <c r="T168" s="156"/>
      <c r="U168" s="131"/>
      <c r="V168" s="131"/>
      <c r="W168" s="131"/>
      <c r="X168" s="131"/>
      <c r="Y168" s="131"/>
      <c r="Z168" s="131"/>
      <c r="AA168" s="131"/>
      <c r="AB168" s="131"/>
      <c r="AC168" s="156"/>
      <c r="AD168" s="132"/>
      <c r="AE168" s="132"/>
      <c r="AF168" s="132"/>
      <c r="AG168" s="132"/>
      <c r="AH168" s="132"/>
      <c r="AI168" s="132"/>
      <c r="AJ168" s="157"/>
      <c r="AK168" s="156"/>
      <c r="AL168" s="131"/>
      <c r="AM168" s="157"/>
      <c r="AN168" s="156"/>
      <c r="AO168" s="157"/>
      <c r="AP168" s="157"/>
      <c r="AQ168" s="130" t="s">
        <v>636</v>
      </c>
    </row>
    <row r="169" spans="1:43" x14ac:dyDescent="0.25">
      <c r="A169" s="154"/>
      <c r="B169" s="155"/>
      <c r="C169" s="125"/>
      <c r="D169" s="157"/>
      <c r="E169" s="131"/>
      <c r="F169" s="131"/>
      <c r="G169" s="131"/>
      <c r="H169" s="131"/>
      <c r="I169" s="131"/>
      <c r="J169" s="131"/>
      <c r="K169" s="131"/>
      <c r="L169" s="156"/>
      <c r="M169" s="7"/>
      <c r="N169" s="7"/>
      <c r="O169" s="7"/>
      <c r="P169" s="7"/>
      <c r="Q169" s="7"/>
      <c r="R169" s="159"/>
      <c r="S169" s="159"/>
      <c r="T169" s="156"/>
      <c r="U169" s="131"/>
      <c r="V169" s="131"/>
      <c r="W169" s="131"/>
      <c r="X169" s="131"/>
      <c r="Y169" s="131"/>
      <c r="Z169" s="131"/>
      <c r="AA169" s="131"/>
      <c r="AB169" s="131"/>
      <c r="AC169" s="156"/>
      <c r="AD169" s="132"/>
      <c r="AE169" s="132"/>
      <c r="AF169" s="132"/>
      <c r="AG169" s="132"/>
      <c r="AH169" s="132"/>
      <c r="AI169" s="132"/>
      <c r="AJ169" s="157"/>
      <c r="AK169" s="156"/>
      <c r="AL169" s="131"/>
      <c r="AM169" s="157"/>
      <c r="AN169" s="156"/>
      <c r="AO169" s="157"/>
      <c r="AP169" s="157"/>
      <c r="AQ169" s="130" t="s">
        <v>314</v>
      </c>
    </row>
    <row r="170" spans="1:43" x14ac:dyDescent="0.25">
      <c r="A170" s="154"/>
      <c r="B170" s="155"/>
      <c r="C170" s="125"/>
      <c r="D170" s="157"/>
      <c r="E170" s="131"/>
      <c r="F170" s="131"/>
      <c r="G170" s="131"/>
      <c r="H170" s="131"/>
      <c r="I170" s="131"/>
      <c r="J170" s="131"/>
      <c r="K170" s="131"/>
      <c r="L170" s="156"/>
      <c r="M170" s="7"/>
      <c r="N170" s="7"/>
      <c r="O170" s="7"/>
      <c r="P170" s="7"/>
      <c r="Q170" s="7"/>
      <c r="R170" s="159"/>
      <c r="S170" s="159"/>
      <c r="T170" s="156"/>
      <c r="U170" s="131"/>
      <c r="V170" s="131"/>
      <c r="W170" s="131"/>
      <c r="X170" s="131"/>
      <c r="Y170" s="131"/>
      <c r="Z170" s="131"/>
      <c r="AA170" s="131"/>
      <c r="AB170" s="131"/>
      <c r="AC170" s="156"/>
      <c r="AD170" s="132"/>
      <c r="AE170" s="132"/>
      <c r="AF170" s="132"/>
      <c r="AG170" s="132"/>
      <c r="AH170" s="132"/>
      <c r="AI170" s="132"/>
      <c r="AJ170" s="157"/>
      <c r="AK170" s="156"/>
      <c r="AL170" s="131"/>
      <c r="AM170" s="157"/>
      <c r="AN170" s="156"/>
      <c r="AO170" s="157"/>
      <c r="AP170" s="157"/>
      <c r="AQ170" s="130" t="s">
        <v>637</v>
      </c>
    </row>
    <row r="171" spans="1:43" x14ac:dyDescent="0.25">
      <c r="A171" s="154"/>
      <c r="B171" s="155"/>
      <c r="C171" s="125"/>
      <c r="D171" s="157"/>
      <c r="E171" s="131"/>
      <c r="F171" s="131"/>
      <c r="G171" s="131"/>
      <c r="H171" s="131"/>
      <c r="I171" s="131"/>
      <c r="J171" s="131"/>
      <c r="K171" s="131"/>
      <c r="L171" s="156"/>
      <c r="M171" s="7"/>
      <c r="N171" s="7"/>
      <c r="O171" s="7"/>
      <c r="P171" s="7"/>
      <c r="Q171" s="7"/>
      <c r="R171" s="159"/>
      <c r="S171" s="159"/>
      <c r="T171" s="156"/>
      <c r="U171" s="131"/>
      <c r="V171" s="131"/>
      <c r="W171" s="131"/>
      <c r="X171" s="131"/>
      <c r="Y171" s="131"/>
      <c r="Z171" s="131"/>
      <c r="AA171" s="131"/>
      <c r="AB171" s="131"/>
      <c r="AC171" s="156"/>
      <c r="AD171" s="132"/>
      <c r="AE171" s="132"/>
      <c r="AF171" s="132"/>
      <c r="AG171" s="132"/>
      <c r="AH171" s="132"/>
      <c r="AI171" s="132"/>
      <c r="AJ171" s="157"/>
      <c r="AK171" s="156"/>
      <c r="AL171" s="131"/>
      <c r="AM171" s="157"/>
      <c r="AN171" s="156"/>
      <c r="AO171" s="157"/>
      <c r="AP171" s="157"/>
      <c r="AQ171" s="130" t="s">
        <v>638</v>
      </c>
    </row>
    <row r="172" spans="1:43" ht="30" x14ac:dyDescent="0.25">
      <c r="A172" s="113"/>
      <c r="B172" s="113"/>
      <c r="C172" s="113"/>
      <c r="D172" s="113"/>
      <c r="E172" s="113"/>
      <c r="F172" s="113"/>
      <c r="G172" s="113"/>
      <c r="H172" s="113"/>
      <c r="I172" s="113"/>
      <c r="J172" s="113"/>
      <c r="K172" s="113"/>
      <c r="L172" s="113"/>
      <c r="M172" s="111"/>
      <c r="N172" s="111"/>
      <c r="O172" s="111"/>
      <c r="P172" s="111"/>
      <c r="Q172" s="111"/>
      <c r="R172" s="112"/>
      <c r="S172" s="112"/>
      <c r="T172" s="113"/>
      <c r="U172" s="113"/>
      <c r="V172" s="113"/>
      <c r="W172" s="113"/>
      <c r="X172" s="113"/>
      <c r="Y172" s="113"/>
      <c r="Z172" s="113"/>
      <c r="AA172" s="113"/>
      <c r="AB172" s="113"/>
      <c r="AC172" s="113"/>
      <c r="AD172" s="123"/>
      <c r="AE172" s="123"/>
      <c r="AF172" s="123"/>
      <c r="AG172" s="123"/>
      <c r="AH172" s="123"/>
      <c r="AI172" s="123"/>
      <c r="AJ172" s="113"/>
      <c r="AK172" s="113"/>
      <c r="AL172" s="113"/>
      <c r="AM172" s="113"/>
      <c r="AN172" s="113"/>
      <c r="AO172" s="130" t="s">
        <v>634</v>
      </c>
      <c r="AP172" s="130" t="s">
        <v>78</v>
      </c>
      <c r="AQ172" s="130" t="s">
        <v>639</v>
      </c>
    </row>
    <row r="173" spans="1:43" ht="105" x14ac:dyDescent="0.25">
      <c r="A173" s="113"/>
      <c r="B173" s="113"/>
      <c r="C173" s="113"/>
      <c r="D173" s="113"/>
      <c r="E173" s="113"/>
      <c r="F173" s="113"/>
      <c r="G173" s="113"/>
      <c r="H173" s="113"/>
      <c r="I173" s="113"/>
      <c r="J173" s="113"/>
      <c r="K173" s="113"/>
      <c r="L173" s="113"/>
      <c r="M173" s="111"/>
      <c r="N173" s="111"/>
      <c r="O173" s="111"/>
      <c r="P173" s="111"/>
      <c r="Q173" s="111"/>
      <c r="R173" s="112"/>
      <c r="S173" s="112"/>
      <c r="T173" s="131" t="s">
        <v>92</v>
      </c>
      <c r="U173" s="131" t="s">
        <v>692</v>
      </c>
      <c r="V173" s="131"/>
      <c r="W173" s="131"/>
      <c r="X173" s="131"/>
      <c r="Y173" s="131"/>
      <c r="Z173" s="131"/>
      <c r="AA173" s="131"/>
      <c r="AB173" s="131"/>
      <c r="AC173" s="131" t="s">
        <v>558</v>
      </c>
      <c r="AD173" s="132">
        <v>2.6666666666666665</v>
      </c>
      <c r="AE173" s="132">
        <v>3.5</v>
      </c>
      <c r="AF173" s="132">
        <v>3.3333333333333335</v>
      </c>
      <c r="AG173" s="132">
        <v>2.75</v>
      </c>
      <c r="AH173" s="132">
        <v>2.6666666666666665</v>
      </c>
      <c r="AI173" s="132">
        <v>4</v>
      </c>
      <c r="AJ173" s="130" t="s">
        <v>347</v>
      </c>
      <c r="AK173" s="131"/>
      <c r="AL173" s="131"/>
      <c r="AM173" s="130"/>
      <c r="AN173" s="131"/>
      <c r="AO173" s="130"/>
      <c r="AP173" s="130"/>
      <c r="AQ173" s="130"/>
    </row>
    <row r="174" spans="1:43" x14ac:dyDescent="0.25">
      <c r="A174" s="113"/>
      <c r="B174" s="113"/>
      <c r="C174" s="113"/>
      <c r="D174" s="113"/>
      <c r="E174" s="113"/>
      <c r="F174" s="113"/>
      <c r="G174" s="113"/>
      <c r="H174" s="113"/>
      <c r="I174" s="113"/>
      <c r="J174" s="113"/>
      <c r="K174" s="113"/>
      <c r="L174" s="113"/>
      <c r="M174" s="111"/>
      <c r="N174" s="111"/>
      <c r="O174" s="111"/>
      <c r="P174" s="111"/>
      <c r="Q174" s="111"/>
      <c r="R174" s="112"/>
      <c r="S174" s="112"/>
      <c r="T174" s="156" t="s">
        <v>101</v>
      </c>
      <c r="U174" s="156" t="s">
        <v>348</v>
      </c>
      <c r="V174" s="131"/>
      <c r="W174" s="131"/>
      <c r="X174" s="131"/>
      <c r="Y174" s="131"/>
      <c r="Z174" s="131"/>
      <c r="AA174" s="131"/>
      <c r="AB174" s="131"/>
      <c r="AC174" s="156" t="s">
        <v>557</v>
      </c>
      <c r="AD174" s="132">
        <v>4.333333333333333</v>
      </c>
      <c r="AE174" s="132">
        <v>3.75</v>
      </c>
      <c r="AF174" s="132">
        <v>3.6666666666666665</v>
      </c>
      <c r="AG174" s="132">
        <v>4.25</v>
      </c>
      <c r="AH174" s="132">
        <v>3.6666666666666665</v>
      </c>
      <c r="AI174" s="132">
        <v>4</v>
      </c>
      <c r="AJ174" s="157" t="s">
        <v>349</v>
      </c>
      <c r="AK174" s="156" t="s">
        <v>86</v>
      </c>
      <c r="AL174" s="131" t="s">
        <v>532</v>
      </c>
      <c r="AM174" s="157" t="s">
        <v>588</v>
      </c>
      <c r="AN174" s="131"/>
      <c r="AO174" s="157" t="s">
        <v>390</v>
      </c>
      <c r="AP174" s="157" t="s">
        <v>86</v>
      </c>
      <c r="AQ174" s="130" t="s">
        <v>532</v>
      </c>
    </row>
    <row r="175" spans="1:43" x14ac:dyDescent="0.25">
      <c r="A175" s="113"/>
      <c r="B175" s="113"/>
      <c r="C175" s="113"/>
      <c r="D175" s="113"/>
      <c r="E175" s="113"/>
      <c r="F175" s="113"/>
      <c r="G175" s="113"/>
      <c r="H175" s="113"/>
      <c r="I175" s="113"/>
      <c r="J175" s="113"/>
      <c r="K175" s="113"/>
      <c r="L175" s="113"/>
      <c r="M175" s="111"/>
      <c r="N175" s="111"/>
      <c r="O175" s="111"/>
      <c r="P175" s="111"/>
      <c r="Q175" s="111"/>
      <c r="R175" s="112"/>
      <c r="S175" s="112"/>
      <c r="T175" s="156"/>
      <c r="U175" s="156"/>
      <c r="V175" s="131"/>
      <c r="W175" s="131"/>
      <c r="X175" s="131"/>
      <c r="Y175" s="131"/>
      <c r="Z175" s="131"/>
      <c r="AA175" s="131"/>
      <c r="AB175" s="131"/>
      <c r="AC175" s="156"/>
      <c r="AD175" s="132"/>
      <c r="AE175" s="132"/>
      <c r="AF175" s="132"/>
      <c r="AG175" s="132"/>
      <c r="AH175" s="132"/>
      <c r="AI175" s="132"/>
      <c r="AJ175" s="157"/>
      <c r="AK175" s="156"/>
      <c r="AL175" s="131" t="s">
        <v>533</v>
      </c>
      <c r="AM175" s="157"/>
      <c r="AN175" s="131"/>
      <c r="AO175" s="157"/>
      <c r="AP175" s="157"/>
      <c r="AQ175" s="130" t="s">
        <v>533</v>
      </c>
    </row>
    <row r="176" spans="1:43" x14ac:dyDescent="0.25">
      <c r="A176" s="113"/>
      <c r="B176" s="113"/>
      <c r="C176" s="113"/>
      <c r="D176" s="113"/>
      <c r="E176" s="113"/>
      <c r="F176" s="113"/>
      <c r="G176" s="113"/>
      <c r="H176" s="113"/>
      <c r="I176" s="113"/>
      <c r="J176" s="113"/>
      <c r="K176" s="113"/>
      <c r="L176" s="113"/>
      <c r="M176" s="111"/>
      <c r="N176" s="111"/>
      <c r="O176" s="111"/>
      <c r="P176" s="111"/>
      <c r="Q176" s="111"/>
      <c r="R176" s="112"/>
      <c r="S176" s="112"/>
      <c r="T176" s="156"/>
      <c r="U176" s="156"/>
      <c r="V176" s="131"/>
      <c r="W176" s="131"/>
      <c r="X176" s="131"/>
      <c r="Y176" s="131"/>
      <c r="Z176" s="131"/>
      <c r="AA176" s="131"/>
      <c r="AB176" s="131"/>
      <c r="AC176" s="156"/>
      <c r="AD176" s="132"/>
      <c r="AE176" s="132"/>
      <c r="AF176" s="132"/>
      <c r="AG176" s="132"/>
      <c r="AH176" s="132"/>
      <c r="AI176" s="132"/>
      <c r="AJ176" s="157"/>
      <c r="AK176" s="156"/>
      <c r="AL176" s="131" t="s">
        <v>534</v>
      </c>
      <c r="AM176" s="157"/>
      <c r="AN176" s="131"/>
      <c r="AO176" s="157"/>
      <c r="AP176" s="157"/>
      <c r="AQ176" s="130" t="s">
        <v>534</v>
      </c>
    </row>
    <row r="177" spans="1:43" x14ac:dyDescent="0.25">
      <c r="A177" s="113"/>
      <c r="B177" s="113"/>
      <c r="C177" s="113"/>
      <c r="D177" s="113"/>
      <c r="E177" s="113"/>
      <c r="F177" s="113"/>
      <c r="G177" s="113"/>
      <c r="H177" s="113"/>
      <c r="I177" s="113"/>
      <c r="J177" s="113"/>
      <c r="K177" s="113"/>
      <c r="L177" s="113"/>
      <c r="M177" s="111"/>
      <c r="N177" s="111"/>
      <c r="O177" s="111"/>
      <c r="P177" s="111"/>
      <c r="Q177" s="111"/>
      <c r="R177" s="112"/>
      <c r="S177" s="112"/>
      <c r="T177" s="156"/>
      <c r="U177" s="156"/>
      <c r="V177" s="131"/>
      <c r="W177" s="131"/>
      <c r="X177" s="131"/>
      <c r="Y177" s="131"/>
      <c r="Z177" s="131"/>
      <c r="AA177" s="131"/>
      <c r="AB177" s="131"/>
      <c r="AC177" s="156"/>
      <c r="AD177" s="132"/>
      <c r="AE177" s="132"/>
      <c r="AF177" s="132"/>
      <c r="AG177" s="132"/>
      <c r="AH177" s="132"/>
      <c r="AI177" s="132"/>
      <c r="AJ177" s="157"/>
      <c r="AK177" s="156"/>
      <c r="AL177" s="131" t="s">
        <v>535</v>
      </c>
      <c r="AM177" s="157"/>
      <c r="AN177" s="131"/>
      <c r="AO177" s="157"/>
      <c r="AP177" s="157"/>
      <c r="AQ177" s="130" t="s">
        <v>535</v>
      </c>
    </row>
    <row r="178" spans="1:43" x14ac:dyDescent="0.25">
      <c r="A178" s="113"/>
      <c r="B178" s="113"/>
      <c r="C178" s="113"/>
      <c r="D178" s="113"/>
      <c r="E178" s="113"/>
      <c r="F178" s="113"/>
      <c r="G178" s="113"/>
      <c r="H178" s="113"/>
      <c r="I178" s="113"/>
      <c r="J178" s="113"/>
      <c r="K178" s="113"/>
      <c r="L178" s="113"/>
      <c r="M178" s="111"/>
      <c r="N178" s="111"/>
      <c r="O178" s="111"/>
      <c r="P178" s="111"/>
      <c r="Q178" s="111"/>
      <c r="R178" s="112"/>
      <c r="S178" s="112"/>
      <c r="T178" s="156"/>
      <c r="U178" s="156"/>
      <c r="V178" s="131"/>
      <c r="W178" s="131"/>
      <c r="X178" s="131"/>
      <c r="Y178" s="131"/>
      <c r="Z178" s="131"/>
      <c r="AA178" s="131"/>
      <c r="AB178" s="131"/>
      <c r="AC178" s="156"/>
      <c r="AD178" s="132"/>
      <c r="AE178" s="132"/>
      <c r="AF178" s="132"/>
      <c r="AG178" s="132"/>
      <c r="AH178" s="132"/>
      <c r="AI178" s="132"/>
      <c r="AJ178" s="157"/>
      <c r="AK178" s="156"/>
      <c r="AL178" s="131" t="s">
        <v>536</v>
      </c>
      <c r="AM178" s="157"/>
      <c r="AN178" s="131"/>
      <c r="AO178" s="157"/>
      <c r="AP178" s="157"/>
      <c r="AQ178" s="130" t="s">
        <v>536</v>
      </c>
    </row>
    <row r="179" spans="1:43" ht="105" x14ac:dyDescent="0.25">
      <c r="A179" s="55" t="s">
        <v>397</v>
      </c>
      <c r="B179" s="3" t="s">
        <v>656</v>
      </c>
      <c r="C179" s="3" t="s">
        <v>121</v>
      </c>
      <c r="D179" s="130" t="s">
        <v>454</v>
      </c>
      <c r="E179" s="131">
        <v>5</v>
      </c>
      <c r="F179" s="131">
        <v>1</v>
      </c>
      <c r="G179" s="131">
        <v>5</v>
      </c>
      <c r="H179" s="131">
        <v>5</v>
      </c>
      <c r="I179" s="131">
        <v>5</v>
      </c>
      <c r="J179" s="131">
        <v>5</v>
      </c>
      <c r="K179" s="131">
        <v>5</v>
      </c>
      <c r="L179" s="131" t="s">
        <v>423</v>
      </c>
      <c r="M179" s="7"/>
      <c r="N179" s="7"/>
      <c r="O179" s="7"/>
      <c r="P179" s="7"/>
      <c r="Q179" s="7"/>
      <c r="R179" s="10"/>
      <c r="S179" s="10" t="s">
        <v>262</v>
      </c>
      <c r="T179" s="113"/>
      <c r="U179" s="113"/>
      <c r="V179" s="113"/>
      <c r="W179" s="113"/>
      <c r="X179" s="113"/>
      <c r="Y179" s="113"/>
      <c r="Z179" s="113"/>
      <c r="AA179" s="113"/>
      <c r="AB179" s="113"/>
      <c r="AC179" s="113"/>
      <c r="AD179" s="124"/>
      <c r="AE179" s="124"/>
      <c r="AF179" s="124"/>
      <c r="AG179" s="124"/>
      <c r="AH179" s="124"/>
      <c r="AI179" s="124"/>
      <c r="AJ179" s="113"/>
      <c r="AK179" s="113"/>
      <c r="AL179" s="113"/>
      <c r="AM179" s="113"/>
      <c r="AN179" s="113"/>
      <c r="AO179" s="113"/>
      <c r="AP179" s="113"/>
      <c r="AQ179" s="113"/>
    </row>
    <row r="180" spans="1:43" ht="105" x14ac:dyDescent="0.25">
      <c r="A180" s="55" t="s">
        <v>397</v>
      </c>
      <c r="B180" s="3" t="s">
        <v>657</v>
      </c>
      <c r="C180" s="3" t="s">
        <v>124</v>
      </c>
      <c r="D180" s="130" t="s">
        <v>455</v>
      </c>
      <c r="E180" s="131">
        <v>5</v>
      </c>
      <c r="F180" s="131">
        <v>1</v>
      </c>
      <c r="G180" s="131">
        <v>5</v>
      </c>
      <c r="H180" s="131">
        <v>5</v>
      </c>
      <c r="I180" s="131">
        <v>5</v>
      </c>
      <c r="J180" s="131">
        <v>5</v>
      </c>
      <c r="K180" s="131">
        <v>5</v>
      </c>
      <c r="L180" s="131" t="s">
        <v>423</v>
      </c>
      <c r="M180" s="7">
        <v>1</v>
      </c>
      <c r="N180" s="7">
        <v>5</v>
      </c>
      <c r="O180" s="7">
        <v>5</v>
      </c>
      <c r="P180" s="7">
        <v>5</v>
      </c>
      <c r="Q180" s="7">
        <v>1</v>
      </c>
      <c r="R180" s="10" t="s">
        <v>269</v>
      </c>
      <c r="S180" s="10" t="s">
        <v>270</v>
      </c>
      <c r="T180" s="113"/>
      <c r="U180" s="113"/>
      <c r="V180" s="113"/>
      <c r="W180" s="113"/>
      <c r="X180" s="113"/>
      <c r="Y180" s="113"/>
      <c r="Z180" s="113"/>
      <c r="AA180" s="113"/>
      <c r="AB180" s="113"/>
      <c r="AC180" s="113"/>
      <c r="AD180" s="124"/>
      <c r="AE180" s="124"/>
      <c r="AF180" s="124"/>
      <c r="AG180" s="124"/>
      <c r="AH180" s="124"/>
      <c r="AI180" s="124"/>
      <c r="AJ180" s="113"/>
      <c r="AK180" s="113"/>
      <c r="AL180" s="113"/>
      <c r="AM180" s="113"/>
      <c r="AN180" s="113"/>
      <c r="AO180" s="113"/>
      <c r="AP180" s="113"/>
      <c r="AQ180" s="113"/>
    </row>
    <row r="181" spans="1:43" ht="105" x14ac:dyDescent="0.25">
      <c r="A181" s="55" t="s">
        <v>397</v>
      </c>
      <c r="B181" s="3" t="s">
        <v>658</v>
      </c>
      <c r="C181" s="3" t="s">
        <v>128</v>
      </c>
      <c r="D181" s="130" t="s">
        <v>456</v>
      </c>
      <c r="E181" s="131">
        <v>5</v>
      </c>
      <c r="F181" s="131">
        <v>1</v>
      </c>
      <c r="G181" s="131">
        <v>5</v>
      </c>
      <c r="H181" s="131">
        <v>5</v>
      </c>
      <c r="I181" s="131">
        <v>5</v>
      </c>
      <c r="J181" s="131">
        <v>5</v>
      </c>
      <c r="K181" s="131">
        <v>5</v>
      </c>
      <c r="L181" s="131" t="s">
        <v>423</v>
      </c>
      <c r="M181" s="7"/>
      <c r="N181" s="7"/>
      <c r="O181" s="7"/>
      <c r="P181" s="7"/>
      <c r="Q181" s="7"/>
      <c r="R181" s="10"/>
      <c r="S181" s="10" t="s">
        <v>262</v>
      </c>
      <c r="T181" s="113"/>
      <c r="U181" s="113"/>
      <c r="V181" s="113"/>
      <c r="W181" s="113"/>
      <c r="X181" s="113"/>
      <c r="Y181" s="113"/>
      <c r="Z181" s="113"/>
      <c r="AA181" s="113"/>
      <c r="AB181" s="113"/>
      <c r="AC181" s="113"/>
      <c r="AD181" s="124"/>
      <c r="AE181" s="124"/>
      <c r="AF181" s="124"/>
      <c r="AG181" s="124"/>
      <c r="AH181" s="124"/>
      <c r="AI181" s="124"/>
      <c r="AJ181" s="113"/>
      <c r="AK181" s="113"/>
      <c r="AL181" s="113"/>
      <c r="AM181" s="113"/>
      <c r="AN181" s="113"/>
      <c r="AO181" s="113"/>
      <c r="AP181" s="113"/>
      <c r="AQ181" s="113"/>
    </row>
    <row r="182" spans="1:43" ht="120" x14ac:dyDescent="0.25">
      <c r="A182" s="55" t="s">
        <v>397</v>
      </c>
      <c r="B182" s="3" t="s">
        <v>659</v>
      </c>
      <c r="C182" s="3" t="s">
        <v>132</v>
      </c>
      <c r="D182" s="130" t="s">
        <v>457</v>
      </c>
      <c r="E182" s="131">
        <v>5</v>
      </c>
      <c r="F182" s="131">
        <v>4</v>
      </c>
      <c r="G182" s="131">
        <v>3</v>
      </c>
      <c r="H182" s="131">
        <v>4</v>
      </c>
      <c r="I182" s="131">
        <v>1</v>
      </c>
      <c r="J182" s="131">
        <v>2</v>
      </c>
      <c r="K182" s="131">
        <v>3</v>
      </c>
      <c r="L182" s="131" t="s">
        <v>422</v>
      </c>
      <c r="M182" s="7"/>
      <c r="N182" s="7"/>
      <c r="O182" s="7"/>
      <c r="P182" s="7"/>
      <c r="Q182" s="7"/>
      <c r="R182" s="10"/>
      <c r="S182" s="10" t="s">
        <v>262</v>
      </c>
      <c r="T182" s="113"/>
      <c r="U182" s="113"/>
      <c r="V182" s="113"/>
      <c r="W182" s="113"/>
      <c r="X182" s="113"/>
      <c r="Y182" s="113"/>
      <c r="Z182" s="113"/>
      <c r="AA182" s="113"/>
      <c r="AB182" s="113"/>
      <c r="AC182" s="113" t="s">
        <v>191</v>
      </c>
      <c r="AD182" s="124"/>
      <c r="AE182" s="124"/>
      <c r="AF182" s="124"/>
      <c r="AG182" s="124"/>
      <c r="AH182" s="124"/>
      <c r="AI182" s="124"/>
      <c r="AJ182" s="113"/>
      <c r="AK182" s="113"/>
      <c r="AL182" s="113"/>
      <c r="AM182" s="113"/>
      <c r="AN182" s="113"/>
      <c r="AO182" s="113"/>
      <c r="AP182" s="113"/>
      <c r="AQ182" s="113"/>
    </row>
    <row r="183" spans="1:43" ht="30" x14ac:dyDescent="0.25">
      <c r="A183" s="55" t="s">
        <v>397</v>
      </c>
      <c r="B183" s="3" t="s">
        <v>660</v>
      </c>
      <c r="C183" s="3" t="s">
        <v>136</v>
      </c>
      <c r="D183" s="130"/>
      <c r="E183" s="131"/>
      <c r="F183" s="131"/>
      <c r="G183" s="131"/>
      <c r="H183" s="131"/>
      <c r="I183" s="131"/>
      <c r="J183" s="131"/>
      <c r="K183" s="131"/>
      <c r="L183" s="131"/>
      <c r="M183" s="7"/>
      <c r="N183" s="7"/>
      <c r="O183" s="7"/>
      <c r="P183" s="7"/>
      <c r="Q183" s="7"/>
      <c r="R183" s="10"/>
      <c r="S183" s="10" t="s">
        <v>262</v>
      </c>
      <c r="T183" s="113"/>
      <c r="U183" s="113"/>
      <c r="V183" s="113"/>
      <c r="W183" s="113"/>
      <c r="X183" s="113"/>
      <c r="Y183" s="113"/>
      <c r="Z183" s="113"/>
      <c r="AA183" s="113"/>
      <c r="AB183" s="113"/>
      <c r="AC183" s="113"/>
      <c r="AD183" s="124"/>
      <c r="AE183" s="124"/>
      <c r="AF183" s="124"/>
      <c r="AG183" s="124"/>
      <c r="AH183" s="124"/>
      <c r="AI183" s="124"/>
      <c r="AJ183" s="113"/>
      <c r="AK183" s="113"/>
      <c r="AL183" s="113"/>
      <c r="AM183" s="113"/>
      <c r="AN183" s="113"/>
      <c r="AO183" s="113"/>
      <c r="AP183" s="113"/>
      <c r="AQ183" s="113"/>
    </row>
    <row r="184" spans="1:43" x14ac:dyDescent="0.25">
      <c r="A184" s="113"/>
      <c r="B184" s="113"/>
      <c r="C184" s="113"/>
      <c r="D184" s="113"/>
      <c r="E184" s="113"/>
      <c r="F184" s="113"/>
      <c r="G184" s="113"/>
      <c r="H184" s="113"/>
      <c r="I184" s="113"/>
      <c r="J184" s="113"/>
      <c r="K184" s="113"/>
      <c r="L184" s="113"/>
      <c r="M184" s="111"/>
      <c r="N184" s="111"/>
      <c r="O184" s="111"/>
      <c r="P184" s="111"/>
      <c r="Q184" s="111"/>
      <c r="R184" s="112"/>
      <c r="S184" s="112"/>
      <c r="T184" s="156" t="s">
        <v>665</v>
      </c>
      <c r="U184" s="131" t="s">
        <v>357</v>
      </c>
      <c r="V184" s="131"/>
      <c r="W184" s="131"/>
      <c r="X184" s="131"/>
      <c r="Y184" s="131"/>
      <c r="Z184" s="131"/>
      <c r="AA184" s="131"/>
      <c r="AB184" s="131"/>
      <c r="AC184" s="131"/>
      <c r="AD184" s="132"/>
      <c r="AE184" s="132"/>
      <c r="AF184" s="132"/>
      <c r="AG184" s="132"/>
      <c r="AH184" s="132"/>
      <c r="AI184" s="132"/>
      <c r="AJ184" s="130"/>
      <c r="AK184" s="156" t="s">
        <v>665</v>
      </c>
      <c r="AL184" s="131" t="s">
        <v>357</v>
      </c>
      <c r="AM184" s="157" t="s">
        <v>596</v>
      </c>
      <c r="AN184" s="156" t="s">
        <v>612</v>
      </c>
      <c r="AO184" s="157" t="s">
        <v>397</v>
      </c>
      <c r="AP184" s="157" t="s">
        <v>664</v>
      </c>
      <c r="AQ184" s="130" t="s">
        <v>357</v>
      </c>
    </row>
    <row r="185" spans="1:43" ht="135" x14ac:dyDescent="0.25">
      <c r="A185" s="55" t="s">
        <v>397</v>
      </c>
      <c r="B185" s="3" t="s">
        <v>661</v>
      </c>
      <c r="C185" s="3" t="s">
        <v>539</v>
      </c>
      <c r="D185" s="130"/>
      <c r="E185" s="131"/>
      <c r="F185" s="131">
        <v>2</v>
      </c>
      <c r="G185" s="131"/>
      <c r="H185" s="131">
        <v>5</v>
      </c>
      <c r="I185" s="131">
        <v>5</v>
      </c>
      <c r="J185" s="131">
        <v>5</v>
      </c>
      <c r="K185" s="131">
        <v>5</v>
      </c>
      <c r="L185" s="131" t="s">
        <v>421</v>
      </c>
      <c r="M185" s="7">
        <v>2</v>
      </c>
      <c r="N185" s="7">
        <v>5</v>
      </c>
      <c r="O185" s="7">
        <v>5</v>
      </c>
      <c r="P185" s="7">
        <v>5</v>
      </c>
      <c r="Q185" s="7">
        <v>5</v>
      </c>
      <c r="R185" s="10" t="s">
        <v>271</v>
      </c>
      <c r="S185" s="10" t="s">
        <v>272</v>
      </c>
      <c r="T185" s="156"/>
      <c r="U185" s="131" t="s">
        <v>537</v>
      </c>
      <c r="V185" s="131"/>
      <c r="W185" s="131">
        <v>2</v>
      </c>
      <c r="X185" s="131"/>
      <c r="Y185" s="131">
        <v>5</v>
      </c>
      <c r="Z185" s="131">
        <v>5</v>
      </c>
      <c r="AA185" s="131">
        <v>5</v>
      </c>
      <c r="AB185" s="131">
        <v>5</v>
      </c>
      <c r="AC185" s="156" t="s">
        <v>624</v>
      </c>
      <c r="AD185" s="132">
        <v>5</v>
      </c>
      <c r="AE185" s="132">
        <v>4</v>
      </c>
      <c r="AF185" s="132">
        <v>4</v>
      </c>
      <c r="AG185" s="132">
        <v>4</v>
      </c>
      <c r="AH185" s="132">
        <v>4</v>
      </c>
      <c r="AI185" s="132">
        <v>4.5</v>
      </c>
      <c r="AJ185" s="157"/>
      <c r="AK185" s="156"/>
      <c r="AL185" s="131" t="s">
        <v>537</v>
      </c>
      <c r="AM185" s="157"/>
      <c r="AN185" s="156"/>
      <c r="AO185" s="157"/>
      <c r="AP185" s="157"/>
      <c r="AQ185" s="130" t="s">
        <v>537</v>
      </c>
    </row>
    <row r="186" spans="1:43" ht="45" x14ac:dyDescent="0.25">
      <c r="A186" s="55" t="s">
        <v>397</v>
      </c>
      <c r="B186" s="3" t="s">
        <v>662</v>
      </c>
      <c r="C186" s="3" t="s">
        <v>540</v>
      </c>
      <c r="D186" s="130"/>
      <c r="E186" s="131"/>
      <c r="F186" s="131"/>
      <c r="G186" s="131">
        <v>1</v>
      </c>
      <c r="H186" s="131"/>
      <c r="I186" s="131"/>
      <c r="J186" s="131"/>
      <c r="K186" s="131"/>
      <c r="L186" s="131" t="s">
        <v>420</v>
      </c>
      <c r="M186" s="7"/>
      <c r="N186" s="7"/>
      <c r="O186" s="7"/>
      <c r="P186" s="7"/>
      <c r="Q186" s="7"/>
      <c r="R186" s="10"/>
      <c r="S186" s="10"/>
      <c r="T186" s="156"/>
      <c r="U186" s="131" t="s">
        <v>538</v>
      </c>
      <c r="V186" s="131"/>
      <c r="W186" s="131"/>
      <c r="X186" s="131"/>
      <c r="Y186" s="131"/>
      <c r="Z186" s="131"/>
      <c r="AA186" s="131"/>
      <c r="AB186" s="131"/>
      <c r="AC186" s="156"/>
      <c r="AD186" s="132">
        <v>4.666666666666667</v>
      </c>
      <c r="AE186" s="132">
        <v>3.5</v>
      </c>
      <c r="AF186" s="132">
        <v>3.3333333333333335</v>
      </c>
      <c r="AG186" s="132">
        <v>3.6666666666666665</v>
      </c>
      <c r="AH186" s="132">
        <v>3.6666666666666665</v>
      </c>
      <c r="AI186" s="132">
        <v>4</v>
      </c>
      <c r="AJ186" s="157"/>
      <c r="AK186" s="156"/>
      <c r="AL186" s="131" t="s">
        <v>538</v>
      </c>
      <c r="AM186" s="157"/>
      <c r="AN186" s="156"/>
      <c r="AO186" s="157"/>
      <c r="AP186" s="157"/>
      <c r="AQ186" s="130" t="s">
        <v>538</v>
      </c>
    </row>
    <row r="187" spans="1:43" ht="30" x14ac:dyDescent="0.25">
      <c r="A187" s="113"/>
      <c r="B187" s="113"/>
      <c r="C187" s="113"/>
      <c r="D187" s="113"/>
      <c r="E187" s="113"/>
      <c r="F187" s="113"/>
      <c r="G187" s="113"/>
      <c r="H187" s="113"/>
      <c r="I187" s="113"/>
      <c r="J187" s="113"/>
      <c r="K187" s="113"/>
      <c r="L187" s="113"/>
      <c r="M187" s="127"/>
      <c r="N187" s="127"/>
      <c r="O187" s="127"/>
      <c r="P187" s="127"/>
      <c r="Q187" s="127"/>
      <c r="R187" s="128"/>
      <c r="S187" s="128"/>
      <c r="T187" s="156"/>
      <c r="U187" s="131" t="s">
        <v>531</v>
      </c>
      <c r="V187" s="131"/>
      <c r="W187" s="131"/>
      <c r="X187" s="131"/>
      <c r="Y187" s="131"/>
      <c r="Z187" s="131"/>
      <c r="AA187" s="131"/>
      <c r="AB187" s="131"/>
      <c r="AC187" s="156"/>
      <c r="AD187" s="132"/>
      <c r="AE187" s="132"/>
      <c r="AF187" s="132"/>
      <c r="AG187" s="132"/>
      <c r="AH187" s="132"/>
      <c r="AI187" s="132"/>
      <c r="AJ187" s="157"/>
      <c r="AK187" s="156"/>
      <c r="AL187" s="131" t="s">
        <v>531</v>
      </c>
      <c r="AM187" s="157"/>
      <c r="AN187" s="156"/>
      <c r="AO187" s="157"/>
      <c r="AP187" s="157"/>
      <c r="AQ187" s="130" t="s">
        <v>531</v>
      </c>
    </row>
    <row r="188" spans="1:43" ht="30" x14ac:dyDescent="0.25">
      <c r="A188" s="113"/>
      <c r="B188" s="113"/>
      <c r="C188" s="113"/>
      <c r="D188" s="113"/>
      <c r="E188" s="113"/>
      <c r="F188" s="113"/>
      <c r="G188" s="113"/>
      <c r="H188" s="113"/>
      <c r="I188" s="113"/>
      <c r="J188" s="113"/>
      <c r="K188" s="113"/>
      <c r="L188" s="113"/>
      <c r="M188" s="127"/>
      <c r="N188" s="127"/>
      <c r="O188" s="127"/>
      <c r="P188" s="127"/>
      <c r="Q188" s="127"/>
      <c r="R188" s="128"/>
      <c r="S188" s="128"/>
      <c r="T188" s="156"/>
      <c r="U188" s="131" t="s">
        <v>548</v>
      </c>
      <c r="V188" s="131"/>
      <c r="W188" s="131"/>
      <c r="X188" s="131"/>
      <c r="Y188" s="131"/>
      <c r="Z188" s="131"/>
      <c r="AA188" s="131"/>
      <c r="AB188" s="131"/>
      <c r="AC188" s="156"/>
      <c r="AD188" s="132">
        <v>4.666666666666667</v>
      </c>
      <c r="AE188" s="132">
        <v>3.75</v>
      </c>
      <c r="AF188" s="132">
        <v>3.6666666666666665</v>
      </c>
      <c r="AG188" s="132">
        <v>4</v>
      </c>
      <c r="AH188" s="132">
        <v>4</v>
      </c>
      <c r="AI188" s="132">
        <v>4.25</v>
      </c>
      <c r="AJ188" s="157"/>
      <c r="AK188" s="156"/>
      <c r="AL188" s="131"/>
      <c r="AM188" s="157"/>
      <c r="AN188" s="156"/>
      <c r="AO188" s="157"/>
      <c r="AP188" s="157"/>
      <c r="AQ188" s="130"/>
    </row>
    <row r="189" spans="1:43" ht="30" x14ac:dyDescent="0.25">
      <c r="A189" s="55" t="s">
        <v>397</v>
      </c>
      <c r="B189" s="3" t="s">
        <v>663</v>
      </c>
      <c r="C189" s="3" t="s">
        <v>145</v>
      </c>
      <c r="D189" s="130"/>
      <c r="E189" s="131"/>
      <c r="F189" s="131"/>
      <c r="G189" s="131"/>
      <c r="H189" s="131"/>
      <c r="I189" s="131"/>
      <c r="J189" s="131"/>
      <c r="K189" s="131"/>
      <c r="L189" s="131" t="s">
        <v>419</v>
      </c>
      <c r="M189" s="7"/>
      <c r="N189" s="7"/>
      <c r="O189" s="7"/>
      <c r="P189" s="7"/>
      <c r="Q189" s="7"/>
      <c r="R189" s="10"/>
      <c r="S189" s="10"/>
      <c r="T189" s="156"/>
      <c r="U189" s="131" t="s">
        <v>549</v>
      </c>
      <c r="V189" s="131"/>
      <c r="W189" s="131"/>
      <c r="X189" s="131"/>
      <c r="Y189" s="131"/>
      <c r="Z189" s="131"/>
      <c r="AA189" s="131"/>
      <c r="AB189" s="131"/>
      <c r="AC189" s="156"/>
      <c r="AD189" s="132">
        <v>4.75</v>
      </c>
      <c r="AE189" s="132">
        <v>3.6666666666666665</v>
      </c>
      <c r="AF189" s="132">
        <v>3.6666666666666665</v>
      </c>
      <c r="AG189" s="132">
        <v>4</v>
      </c>
      <c r="AH189" s="132">
        <v>4</v>
      </c>
      <c r="AI189" s="132">
        <v>4</v>
      </c>
      <c r="AJ189" s="157"/>
      <c r="AK189" s="156"/>
      <c r="AL189" s="131"/>
      <c r="AM189" s="157"/>
      <c r="AN189" s="156"/>
      <c r="AO189" s="157"/>
      <c r="AP189" s="157"/>
      <c r="AQ189" s="130"/>
    </row>
    <row r="190" spans="1:43" ht="60" x14ac:dyDescent="0.25">
      <c r="A190" s="55" t="s">
        <v>397</v>
      </c>
      <c r="B190" s="3" t="s">
        <v>664</v>
      </c>
      <c r="C190" s="3" t="s">
        <v>148</v>
      </c>
      <c r="D190" s="130"/>
      <c r="E190" s="131"/>
      <c r="F190" s="131"/>
      <c r="G190" s="131">
        <v>1</v>
      </c>
      <c r="H190" s="131"/>
      <c r="I190" s="131"/>
      <c r="J190" s="131"/>
      <c r="K190" s="131"/>
      <c r="L190" s="131" t="s">
        <v>418</v>
      </c>
      <c r="M190" s="7"/>
      <c r="N190" s="7"/>
      <c r="O190" s="7"/>
      <c r="P190" s="7"/>
      <c r="Q190" s="7"/>
      <c r="R190" s="10"/>
      <c r="S190" s="10"/>
      <c r="T190" s="156"/>
      <c r="U190" s="131" t="s">
        <v>545</v>
      </c>
      <c r="V190" s="131"/>
      <c r="W190" s="131"/>
      <c r="X190" s="131"/>
      <c r="Y190" s="131"/>
      <c r="Z190" s="131"/>
      <c r="AA190" s="131"/>
      <c r="AB190" s="131"/>
      <c r="AC190" s="156"/>
      <c r="AD190" s="132">
        <v>4.75</v>
      </c>
      <c r="AE190" s="132">
        <v>3.6666666666666665</v>
      </c>
      <c r="AF190" s="132">
        <v>3.6666666666666665</v>
      </c>
      <c r="AG190" s="132">
        <v>4</v>
      </c>
      <c r="AH190" s="132">
        <v>4</v>
      </c>
      <c r="AI190" s="132">
        <v>4</v>
      </c>
      <c r="AJ190" s="157"/>
      <c r="AK190" s="156"/>
      <c r="AL190" s="131" t="s">
        <v>546</v>
      </c>
      <c r="AM190" s="157"/>
      <c r="AN190" s="156"/>
      <c r="AO190" s="157"/>
      <c r="AP190" s="157"/>
      <c r="AQ190" s="130" t="s">
        <v>546</v>
      </c>
    </row>
    <row r="191" spans="1:43" x14ac:dyDescent="0.25">
      <c r="A191" s="113"/>
      <c r="B191" s="113"/>
      <c r="C191" s="113"/>
      <c r="D191" s="113"/>
      <c r="E191" s="113"/>
      <c r="F191" s="113"/>
      <c r="G191" s="113"/>
      <c r="H191" s="113"/>
      <c r="I191" s="113"/>
      <c r="J191" s="113"/>
      <c r="K191" s="113"/>
      <c r="L191" s="113"/>
      <c r="M191" s="111"/>
      <c r="N191" s="111"/>
      <c r="O191" s="111"/>
      <c r="P191" s="111"/>
      <c r="Q191" s="111"/>
      <c r="R191" s="112"/>
      <c r="S191" s="112"/>
      <c r="T191" s="156"/>
      <c r="U191" s="131"/>
      <c r="V191" s="131"/>
      <c r="W191" s="131"/>
      <c r="X191" s="131"/>
      <c r="Y191" s="131"/>
      <c r="Z191" s="131"/>
      <c r="AA191" s="131"/>
      <c r="AB191" s="131"/>
      <c r="AC191" s="156"/>
      <c r="AD191" s="132"/>
      <c r="AE191" s="132"/>
      <c r="AF191" s="132"/>
      <c r="AG191" s="132"/>
      <c r="AH191" s="132"/>
      <c r="AI191" s="132"/>
      <c r="AJ191" s="157"/>
      <c r="AK191" s="156" t="s">
        <v>89</v>
      </c>
      <c r="AL191" s="131" t="s">
        <v>543</v>
      </c>
      <c r="AM191" s="157" t="s">
        <v>597</v>
      </c>
      <c r="AN191" s="156" t="s">
        <v>613</v>
      </c>
      <c r="AO191" s="157" t="s">
        <v>390</v>
      </c>
      <c r="AP191" s="157" t="s">
        <v>89</v>
      </c>
      <c r="AQ191" s="130" t="s">
        <v>650</v>
      </c>
    </row>
    <row r="192" spans="1:43" ht="30" x14ac:dyDescent="0.25">
      <c r="A192" s="113"/>
      <c r="B192" s="113"/>
      <c r="C192" s="113"/>
      <c r="D192" s="113"/>
      <c r="E192" s="113"/>
      <c r="F192" s="113"/>
      <c r="G192" s="113"/>
      <c r="H192" s="113"/>
      <c r="I192" s="113"/>
      <c r="J192" s="113"/>
      <c r="K192" s="113"/>
      <c r="L192" s="113"/>
      <c r="M192" s="111"/>
      <c r="N192" s="111"/>
      <c r="O192" s="111"/>
      <c r="P192" s="111"/>
      <c r="Q192" s="111"/>
      <c r="R192" s="112"/>
      <c r="S192" s="112"/>
      <c r="T192" s="156"/>
      <c r="U192" s="131"/>
      <c r="V192" s="131"/>
      <c r="W192" s="131"/>
      <c r="X192" s="131"/>
      <c r="Y192" s="131"/>
      <c r="Z192" s="131"/>
      <c r="AA192" s="131"/>
      <c r="AB192" s="131"/>
      <c r="AC192" s="156"/>
      <c r="AD192" s="132"/>
      <c r="AE192" s="132"/>
      <c r="AF192" s="132"/>
      <c r="AG192" s="132"/>
      <c r="AH192" s="132"/>
      <c r="AI192" s="132"/>
      <c r="AJ192" s="157"/>
      <c r="AK192" s="156"/>
      <c r="AL192" s="131" t="s">
        <v>547</v>
      </c>
      <c r="AM192" s="157"/>
      <c r="AN192" s="156"/>
      <c r="AO192" s="157"/>
      <c r="AP192" s="157"/>
      <c r="AQ192" s="130" t="s">
        <v>547</v>
      </c>
    </row>
    <row r="193" spans="1:43" x14ac:dyDescent="0.25">
      <c r="A193" s="113"/>
      <c r="B193" s="113"/>
      <c r="C193" s="113"/>
      <c r="D193" s="113"/>
      <c r="E193" s="113"/>
      <c r="F193" s="113"/>
      <c r="G193" s="113"/>
      <c r="H193" s="113"/>
      <c r="I193" s="113"/>
      <c r="J193" s="113"/>
      <c r="K193" s="113"/>
      <c r="L193" s="113"/>
      <c r="M193" s="111"/>
      <c r="N193" s="111"/>
      <c r="O193" s="111"/>
      <c r="P193" s="111"/>
      <c r="Q193" s="111"/>
      <c r="R193" s="112"/>
      <c r="S193" s="112"/>
      <c r="T193" s="156"/>
      <c r="U193" s="131"/>
      <c r="V193" s="131"/>
      <c r="W193" s="131"/>
      <c r="X193" s="131"/>
      <c r="Y193" s="131"/>
      <c r="Z193" s="131"/>
      <c r="AA193" s="131"/>
      <c r="AB193" s="131"/>
      <c r="AC193" s="156"/>
      <c r="AD193" s="132"/>
      <c r="AE193" s="132"/>
      <c r="AF193" s="132"/>
      <c r="AG193" s="132"/>
      <c r="AH193" s="132"/>
      <c r="AI193" s="132"/>
      <c r="AJ193" s="157"/>
      <c r="AK193" s="156"/>
      <c r="AL193" s="131" t="s">
        <v>541</v>
      </c>
      <c r="AM193" s="157"/>
      <c r="AN193" s="156"/>
      <c r="AO193" s="157"/>
      <c r="AP193" s="157"/>
      <c r="AQ193" s="130" t="s">
        <v>541</v>
      </c>
    </row>
    <row r="194" spans="1:43" x14ac:dyDescent="0.25">
      <c r="A194" s="113"/>
      <c r="B194" s="113"/>
      <c r="C194" s="113"/>
      <c r="D194" s="113"/>
      <c r="E194" s="113"/>
      <c r="F194" s="113"/>
      <c r="G194" s="113"/>
      <c r="H194" s="113"/>
      <c r="I194" s="113"/>
      <c r="J194" s="113"/>
      <c r="K194" s="113"/>
      <c r="L194" s="113"/>
      <c r="M194" s="111"/>
      <c r="N194" s="111"/>
      <c r="O194" s="111"/>
      <c r="P194" s="111"/>
      <c r="Q194" s="111"/>
      <c r="R194" s="112"/>
      <c r="S194" s="112"/>
      <c r="T194" s="156"/>
      <c r="U194" s="131"/>
      <c r="V194" s="131"/>
      <c r="W194" s="131"/>
      <c r="X194" s="131"/>
      <c r="Y194" s="131"/>
      <c r="Z194" s="131"/>
      <c r="AA194" s="131"/>
      <c r="AB194" s="131"/>
      <c r="AC194" s="156"/>
      <c r="AD194" s="132"/>
      <c r="AE194" s="132"/>
      <c r="AF194" s="132"/>
      <c r="AG194" s="132"/>
      <c r="AH194" s="132"/>
      <c r="AI194" s="132"/>
      <c r="AJ194" s="157"/>
      <c r="AK194" s="156"/>
      <c r="AL194" s="131" t="s">
        <v>542</v>
      </c>
      <c r="AM194" s="157"/>
      <c r="AN194" s="156"/>
      <c r="AO194" s="157"/>
      <c r="AP194" s="157"/>
      <c r="AQ194" s="130" t="s">
        <v>542</v>
      </c>
    </row>
    <row r="195" spans="1:43" ht="30" x14ac:dyDescent="0.25">
      <c r="A195" s="113"/>
      <c r="B195" s="113"/>
      <c r="C195" s="113"/>
      <c r="D195" s="113"/>
      <c r="E195" s="113"/>
      <c r="F195" s="113"/>
      <c r="G195" s="113"/>
      <c r="H195" s="113"/>
      <c r="I195" s="113"/>
      <c r="J195" s="113"/>
      <c r="K195" s="113"/>
      <c r="L195" s="113"/>
      <c r="M195" s="111"/>
      <c r="N195" s="111"/>
      <c r="O195" s="111"/>
      <c r="P195" s="111"/>
      <c r="Q195" s="111"/>
      <c r="R195" s="112"/>
      <c r="S195" s="112"/>
      <c r="T195" s="156"/>
      <c r="U195" s="131"/>
      <c r="V195" s="131"/>
      <c r="W195" s="131"/>
      <c r="X195" s="131"/>
      <c r="Y195" s="131"/>
      <c r="Z195" s="131"/>
      <c r="AA195" s="131"/>
      <c r="AB195" s="131"/>
      <c r="AC195" s="156"/>
      <c r="AD195" s="132"/>
      <c r="AE195" s="132"/>
      <c r="AF195" s="132"/>
      <c r="AG195" s="132"/>
      <c r="AH195" s="132"/>
      <c r="AI195" s="132"/>
      <c r="AJ195" s="157"/>
      <c r="AK195" s="156"/>
      <c r="AL195" s="131"/>
      <c r="AM195" s="157"/>
      <c r="AN195" s="156"/>
      <c r="AO195" s="157"/>
      <c r="AP195" s="157"/>
      <c r="AQ195" s="130" t="s">
        <v>649</v>
      </c>
    </row>
    <row r="196" spans="1:43" ht="225" x14ac:dyDescent="0.25">
      <c r="A196" s="55" t="s">
        <v>397</v>
      </c>
      <c r="B196" s="3" t="s">
        <v>665</v>
      </c>
      <c r="C196" s="3" t="s">
        <v>150</v>
      </c>
      <c r="D196" s="130"/>
      <c r="E196" s="131"/>
      <c r="F196" s="131">
        <v>5</v>
      </c>
      <c r="G196" s="131"/>
      <c r="H196" s="131">
        <v>5</v>
      </c>
      <c r="I196" s="131">
        <v>5</v>
      </c>
      <c r="J196" s="131">
        <v>5</v>
      </c>
      <c r="K196" s="131">
        <v>5</v>
      </c>
      <c r="L196" s="131" t="s">
        <v>417</v>
      </c>
      <c r="M196" s="7">
        <v>3</v>
      </c>
      <c r="N196" s="7">
        <v>5</v>
      </c>
      <c r="O196" s="7">
        <v>3</v>
      </c>
      <c r="P196" s="7">
        <v>5</v>
      </c>
      <c r="Q196" s="7">
        <v>3</v>
      </c>
      <c r="R196" s="10" t="s">
        <v>273</v>
      </c>
      <c r="S196" s="10" t="s">
        <v>681</v>
      </c>
      <c r="T196" s="113"/>
      <c r="U196" s="113"/>
      <c r="V196" s="113"/>
      <c r="W196" s="113"/>
      <c r="X196" s="113"/>
      <c r="Y196" s="113"/>
      <c r="Z196" s="113"/>
      <c r="AA196" s="113"/>
      <c r="AB196" s="113"/>
      <c r="AC196" s="113"/>
      <c r="AD196" s="124"/>
      <c r="AE196" s="124"/>
      <c r="AF196" s="124"/>
      <c r="AG196" s="124"/>
      <c r="AH196" s="124"/>
      <c r="AI196" s="124"/>
      <c r="AJ196" s="113"/>
      <c r="AK196" s="113"/>
      <c r="AL196" s="113"/>
      <c r="AM196" s="113"/>
      <c r="AN196" s="113"/>
      <c r="AO196" s="113"/>
      <c r="AP196" s="113"/>
      <c r="AQ196" s="113"/>
    </row>
    <row r="197" spans="1:43" ht="30" x14ac:dyDescent="0.25">
      <c r="A197" s="55" t="s">
        <v>397</v>
      </c>
      <c r="B197" s="3" t="s">
        <v>670</v>
      </c>
      <c r="C197" s="5" t="s">
        <v>162</v>
      </c>
      <c r="D197" s="130"/>
      <c r="E197" s="131">
        <v>5</v>
      </c>
      <c r="F197" s="131">
        <v>5</v>
      </c>
      <c r="G197" s="131">
        <v>4</v>
      </c>
      <c r="H197" s="131">
        <v>3</v>
      </c>
      <c r="I197" s="131">
        <v>2</v>
      </c>
      <c r="J197" s="131">
        <v>5</v>
      </c>
      <c r="K197" s="131">
        <v>5</v>
      </c>
      <c r="L197" s="131" t="s">
        <v>413</v>
      </c>
      <c r="R197" s="10"/>
      <c r="S197" s="10" t="s">
        <v>262</v>
      </c>
      <c r="T197" s="113"/>
      <c r="U197" s="113"/>
      <c r="V197" s="113"/>
      <c r="W197" s="113"/>
      <c r="X197" s="113"/>
      <c r="Y197" s="113"/>
      <c r="Z197" s="113"/>
      <c r="AA197" s="113"/>
      <c r="AB197" s="113"/>
      <c r="AC197" s="113" t="s">
        <v>191</v>
      </c>
      <c r="AD197" s="124"/>
      <c r="AE197" s="124"/>
      <c r="AF197" s="124"/>
      <c r="AG197" s="124"/>
      <c r="AH197" s="124"/>
      <c r="AI197" s="124"/>
      <c r="AJ197" s="113"/>
      <c r="AK197" s="113"/>
      <c r="AL197" s="113"/>
      <c r="AM197" s="113"/>
      <c r="AN197" s="113"/>
      <c r="AO197" s="113"/>
      <c r="AP197" s="113"/>
      <c r="AQ197" s="113"/>
    </row>
    <row r="198" spans="1:43" ht="150" x14ac:dyDescent="0.25">
      <c r="A198" s="55" t="s">
        <v>397</v>
      </c>
      <c r="B198" s="3" t="s">
        <v>671</v>
      </c>
      <c r="C198" s="3" t="s">
        <v>165</v>
      </c>
      <c r="D198" s="130"/>
      <c r="E198" s="131"/>
      <c r="F198" s="131">
        <v>2</v>
      </c>
      <c r="G198" s="131"/>
      <c r="H198" s="131">
        <v>5</v>
      </c>
      <c r="I198" s="131">
        <v>5</v>
      </c>
      <c r="J198" s="131">
        <v>5</v>
      </c>
      <c r="K198" s="131">
        <v>3</v>
      </c>
      <c r="L198" s="131" t="s">
        <v>412</v>
      </c>
      <c r="M198" s="7">
        <v>5</v>
      </c>
      <c r="N198" s="7">
        <v>5</v>
      </c>
      <c r="O198" s="7">
        <v>5</v>
      </c>
      <c r="P198" s="7">
        <v>5</v>
      </c>
      <c r="Q198" s="7">
        <v>5</v>
      </c>
      <c r="R198" s="10" t="s">
        <v>280</v>
      </c>
      <c r="S198" s="10" t="s">
        <v>281</v>
      </c>
      <c r="T198" s="131" t="s">
        <v>656</v>
      </c>
      <c r="U198" s="131" t="s">
        <v>478</v>
      </c>
      <c r="V198" s="131"/>
      <c r="W198" s="131">
        <v>2</v>
      </c>
      <c r="X198" s="131"/>
      <c r="Y198" s="131">
        <v>5</v>
      </c>
      <c r="Z198" s="131">
        <v>5</v>
      </c>
      <c r="AA198" s="131">
        <v>5</v>
      </c>
      <c r="AB198" s="131">
        <v>3</v>
      </c>
      <c r="AC198" s="131" t="s">
        <v>562</v>
      </c>
      <c r="AD198" s="132">
        <v>5</v>
      </c>
      <c r="AE198" s="132">
        <v>4.666666666666667</v>
      </c>
      <c r="AF198" s="132">
        <v>2.5</v>
      </c>
      <c r="AG198" s="132">
        <v>5</v>
      </c>
      <c r="AH198" s="132">
        <v>5</v>
      </c>
      <c r="AI198" s="132">
        <v>5</v>
      </c>
      <c r="AJ198" s="130" t="s">
        <v>338</v>
      </c>
      <c r="AK198" s="131" t="s">
        <v>660</v>
      </c>
      <c r="AL198" s="131" t="s">
        <v>478</v>
      </c>
      <c r="AM198" s="130" t="s">
        <v>598</v>
      </c>
      <c r="AN198" s="131"/>
      <c r="AO198" s="130" t="s">
        <v>397</v>
      </c>
      <c r="AP198" s="130" t="s">
        <v>661</v>
      </c>
      <c r="AQ198" s="130" t="s">
        <v>478</v>
      </c>
    </row>
    <row r="199" spans="1:43" ht="120" x14ac:dyDescent="0.25">
      <c r="A199" s="154" t="s">
        <v>397</v>
      </c>
      <c r="B199" s="155" t="s">
        <v>672</v>
      </c>
      <c r="C199" s="155" t="s">
        <v>168</v>
      </c>
      <c r="D199" s="157"/>
      <c r="E199" s="131">
        <v>5</v>
      </c>
      <c r="F199" s="131">
        <v>5</v>
      </c>
      <c r="G199" s="131">
        <v>3</v>
      </c>
      <c r="H199" s="131">
        <v>5</v>
      </c>
      <c r="I199" s="131">
        <v>5</v>
      </c>
      <c r="J199" s="131">
        <v>5</v>
      </c>
      <c r="K199" s="131">
        <v>4</v>
      </c>
      <c r="L199" s="156" t="s">
        <v>411</v>
      </c>
      <c r="M199" s="7">
        <v>2</v>
      </c>
      <c r="N199" s="7">
        <v>5</v>
      </c>
      <c r="O199" s="7">
        <v>5</v>
      </c>
      <c r="P199" s="7">
        <v>5</v>
      </c>
      <c r="Q199" s="7">
        <v>3</v>
      </c>
      <c r="R199" s="159" t="s">
        <v>282</v>
      </c>
      <c r="S199" s="159" t="s">
        <v>283</v>
      </c>
      <c r="T199" s="131" t="s">
        <v>657</v>
      </c>
      <c r="U199" s="131" t="s">
        <v>284</v>
      </c>
      <c r="V199" s="131">
        <v>4</v>
      </c>
      <c r="W199" s="131">
        <v>4</v>
      </c>
      <c r="X199" s="131">
        <v>4</v>
      </c>
      <c r="Y199" s="131">
        <v>5</v>
      </c>
      <c r="Z199" s="131">
        <v>5</v>
      </c>
      <c r="AA199" s="131">
        <v>5</v>
      </c>
      <c r="AB199" s="131">
        <v>4</v>
      </c>
      <c r="AC199" s="131" t="s">
        <v>565</v>
      </c>
      <c r="AD199" s="132">
        <v>4.5</v>
      </c>
      <c r="AE199" s="132">
        <v>4.25</v>
      </c>
      <c r="AF199" s="132">
        <v>3.6666666666666665</v>
      </c>
      <c r="AG199" s="132">
        <v>4</v>
      </c>
      <c r="AH199" s="132">
        <v>4</v>
      </c>
      <c r="AI199" s="132">
        <v>4.5</v>
      </c>
      <c r="AJ199" s="130" t="s">
        <v>479</v>
      </c>
      <c r="AK199" s="131" t="s">
        <v>661</v>
      </c>
      <c r="AL199" s="131" t="s">
        <v>284</v>
      </c>
      <c r="AM199" s="130" t="s">
        <v>591</v>
      </c>
      <c r="AN199" s="131" t="s">
        <v>608</v>
      </c>
      <c r="AO199" s="130" t="s">
        <v>397</v>
      </c>
      <c r="AP199" s="130" t="s">
        <v>662</v>
      </c>
      <c r="AQ199" s="130" t="s">
        <v>284</v>
      </c>
    </row>
    <row r="200" spans="1:43" ht="45" x14ac:dyDescent="0.25">
      <c r="A200" s="154"/>
      <c r="B200" s="155"/>
      <c r="C200" s="155"/>
      <c r="D200" s="157"/>
      <c r="E200" s="131"/>
      <c r="F200" s="131"/>
      <c r="G200" s="131"/>
      <c r="H200" s="131"/>
      <c r="I200" s="131"/>
      <c r="J200" s="131"/>
      <c r="K200" s="131"/>
      <c r="L200" s="156"/>
      <c r="R200" s="159"/>
      <c r="S200" s="159"/>
      <c r="T200" s="131" t="s">
        <v>660</v>
      </c>
      <c r="U200" s="131" t="s">
        <v>480</v>
      </c>
      <c r="V200" s="131"/>
      <c r="W200" s="131"/>
      <c r="X200" s="131"/>
      <c r="Y200" s="131"/>
      <c r="Z200" s="131"/>
      <c r="AA200" s="131"/>
      <c r="AB200" s="131"/>
      <c r="AC200" s="131" t="s">
        <v>486</v>
      </c>
      <c r="AD200" s="132">
        <v>5</v>
      </c>
      <c r="AE200" s="132">
        <v>4.5</v>
      </c>
      <c r="AF200" s="132">
        <v>4</v>
      </c>
      <c r="AG200" s="132">
        <v>4.5</v>
      </c>
      <c r="AH200" s="132">
        <v>4.333333333333333</v>
      </c>
      <c r="AI200" s="132">
        <v>4.5</v>
      </c>
      <c r="AJ200" s="130"/>
      <c r="AK200" s="113"/>
      <c r="AL200" s="113"/>
      <c r="AM200" s="113"/>
      <c r="AN200" s="113"/>
      <c r="AO200" s="113"/>
      <c r="AP200" s="113"/>
      <c r="AQ200" s="113"/>
    </row>
    <row r="201" spans="1:43" ht="75" x14ac:dyDescent="0.25">
      <c r="A201" s="113"/>
      <c r="B201" s="113"/>
      <c r="C201" s="113"/>
      <c r="D201" s="113"/>
      <c r="E201" s="113"/>
      <c r="F201" s="113"/>
      <c r="G201" s="113"/>
      <c r="H201" s="113"/>
      <c r="I201" s="113"/>
      <c r="J201" s="113"/>
      <c r="K201" s="113"/>
      <c r="L201" s="113"/>
      <c r="M201" s="127"/>
      <c r="N201" s="127"/>
      <c r="O201" s="127"/>
      <c r="P201" s="127"/>
      <c r="Q201" s="127"/>
      <c r="R201" s="128"/>
      <c r="S201" s="128"/>
      <c r="T201" s="131" t="s">
        <v>658</v>
      </c>
      <c r="U201" s="131" t="s">
        <v>544</v>
      </c>
      <c r="V201" s="131"/>
      <c r="W201" s="131"/>
      <c r="X201" s="131"/>
      <c r="Y201" s="131"/>
      <c r="Z201" s="131"/>
      <c r="AA201" s="131"/>
      <c r="AB201" s="131"/>
      <c r="AC201" s="131"/>
      <c r="AD201" s="132">
        <v>4.5</v>
      </c>
      <c r="AE201" s="132">
        <v>4.25</v>
      </c>
      <c r="AF201" s="132">
        <v>3.6666666666666665</v>
      </c>
      <c r="AG201" s="132">
        <v>4.25</v>
      </c>
      <c r="AH201" s="132">
        <v>4</v>
      </c>
      <c r="AI201" s="132">
        <v>4.5</v>
      </c>
      <c r="AJ201" s="130"/>
      <c r="AK201" s="131" t="s">
        <v>662</v>
      </c>
      <c r="AL201" s="131" t="s">
        <v>544</v>
      </c>
      <c r="AM201" s="130" t="s">
        <v>589</v>
      </c>
      <c r="AN201" s="131" t="s">
        <v>609</v>
      </c>
      <c r="AO201" s="113"/>
      <c r="AP201" s="113"/>
      <c r="AQ201" s="113"/>
    </row>
    <row r="202" spans="1:43" ht="60" x14ac:dyDescent="0.25">
      <c r="A202" s="113"/>
      <c r="B202" s="113"/>
      <c r="C202" s="113"/>
      <c r="D202" s="113"/>
      <c r="E202" s="113"/>
      <c r="F202" s="113"/>
      <c r="G202" s="113"/>
      <c r="H202" s="113"/>
      <c r="I202" s="113"/>
      <c r="J202" s="113"/>
      <c r="K202" s="113"/>
      <c r="L202" s="113"/>
      <c r="M202" s="127"/>
      <c r="N202" s="127"/>
      <c r="O202" s="127"/>
      <c r="P202" s="127"/>
      <c r="Q202" s="127"/>
      <c r="R202" s="128"/>
      <c r="S202" s="128"/>
      <c r="T202" s="131" t="s">
        <v>661</v>
      </c>
      <c r="U202" s="131" t="s">
        <v>296</v>
      </c>
      <c r="V202" s="131"/>
      <c r="W202" s="131">
        <v>5</v>
      </c>
      <c r="X202" s="131"/>
      <c r="Y202" s="131">
        <v>5</v>
      </c>
      <c r="Z202" s="131">
        <v>5</v>
      </c>
      <c r="AA202" s="131">
        <v>5</v>
      </c>
      <c r="AB202" s="131">
        <v>5</v>
      </c>
      <c r="AC202" s="131" t="s">
        <v>191</v>
      </c>
      <c r="AD202" s="132">
        <v>5</v>
      </c>
      <c r="AE202" s="132">
        <v>4.5</v>
      </c>
      <c r="AF202" s="132">
        <v>3</v>
      </c>
      <c r="AG202" s="132">
        <v>4.5</v>
      </c>
      <c r="AH202" s="132">
        <v>4.333333333333333</v>
      </c>
      <c r="AI202" s="132">
        <v>4.5</v>
      </c>
      <c r="AJ202" s="130"/>
      <c r="AK202" s="131" t="s">
        <v>663</v>
      </c>
      <c r="AL202" s="131" t="s">
        <v>296</v>
      </c>
      <c r="AM202" s="130"/>
      <c r="AN202" s="131" t="s">
        <v>610</v>
      </c>
      <c r="AO202" s="113"/>
      <c r="AP202" s="113"/>
      <c r="AQ202" s="113"/>
    </row>
    <row r="203" spans="1:43" ht="150" x14ac:dyDescent="0.25">
      <c r="A203" s="55" t="s">
        <v>397</v>
      </c>
      <c r="B203" s="3" t="s">
        <v>673</v>
      </c>
      <c r="C203" s="3" t="s">
        <v>172</v>
      </c>
      <c r="D203" s="130"/>
      <c r="E203" s="131"/>
      <c r="F203" s="131">
        <v>3</v>
      </c>
      <c r="G203" s="131"/>
      <c r="H203" s="131">
        <v>5</v>
      </c>
      <c r="I203" s="131">
        <v>5</v>
      </c>
      <c r="J203" s="131">
        <v>5</v>
      </c>
      <c r="K203" s="131">
        <v>5</v>
      </c>
      <c r="L203" s="131"/>
      <c r="M203" s="7">
        <v>3</v>
      </c>
      <c r="N203" s="7">
        <v>5</v>
      </c>
      <c r="O203" s="7">
        <v>5</v>
      </c>
      <c r="P203" s="7">
        <v>5</v>
      </c>
      <c r="Q203" s="7">
        <v>5</v>
      </c>
      <c r="R203" s="10" t="s">
        <v>285</v>
      </c>
      <c r="S203" s="10" t="s">
        <v>286</v>
      </c>
      <c r="T203" s="131" t="s">
        <v>662</v>
      </c>
      <c r="U203" s="131" t="s">
        <v>340</v>
      </c>
      <c r="V203" s="131"/>
      <c r="W203" s="131"/>
      <c r="X203" s="131"/>
      <c r="Y203" s="131"/>
      <c r="Z203" s="131"/>
      <c r="AA203" s="131"/>
      <c r="AB203" s="131"/>
      <c r="AC203" s="131" t="s">
        <v>191</v>
      </c>
      <c r="AD203" s="132">
        <v>4.5</v>
      </c>
      <c r="AE203" s="132">
        <v>4.25</v>
      </c>
      <c r="AF203" s="132">
        <v>2.6666666666666665</v>
      </c>
      <c r="AG203" s="132">
        <v>4.25</v>
      </c>
      <c r="AH203" s="132">
        <v>4</v>
      </c>
      <c r="AI203" s="132">
        <v>4.5</v>
      </c>
      <c r="AJ203" s="130"/>
      <c r="AK203" s="131" t="s">
        <v>664</v>
      </c>
      <c r="AL203" s="131" t="s">
        <v>340</v>
      </c>
      <c r="AM203" s="130"/>
      <c r="AN203" s="131" t="s">
        <v>610</v>
      </c>
      <c r="AO203" s="113"/>
      <c r="AP203" s="113"/>
      <c r="AQ203" s="113"/>
    </row>
    <row r="204" spans="1:43" ht="60" x14ac:dyDescent="0.25">
      <c r="A204" s="55" t="s">
        <v>397</v>
      </c>
      <c r="B204" s="3" t="s">
        <v>674</v>
      </c>
      <c r="C204" s="3" t="s">
        <v>175</v>
      </c>
      <c r="D204" s="130" t="s">
        <v>462</v>
      </c>
      <c r="E204" s="131">
        <v>4</v>
      </c>
      <c r="F204" s="131">
        <v>4</v>
      </c>
      <c r="G204" s="131">
        <v>3</v>
      </c>
      <c r="H204" s="131">
        <v>4</v>
      </c>
      <c r="I204" s="131">
        <v>3</v>
      </c>
      <c r="J204" s="131">
        <v>3</v>
      </c>
      <c r="K204" s="131">
        <v>4</v>
      </c>
      <c r="L204" s="131"/>
      <c r="M204" s="7" t="s">
        <v>191</v>
      </c>
      <c r="N204" s="7" t="s">
        <v>191</v>
      </c>
      <c r="O204" s="7" t="s">
        <v>191</v>
      </c>
      <c r="P204" s="7" t="s">
        <v>191</v>
      </c>
      <c r="Q204" s="7" t="s">
        <v>191</v>
      </c>
      <c r="R204" s="10" t="s">
        <v>287</v>
      </c>
      <c r="S204" s="10" t="s">
        <v>288</v>
      </c>
      <c r="T204" s="113"/>
      <c r="U204" s="113"/>
      <c r="V204" s="113"/>
      <c r="W204" s="113"/>
      <c r="X204" s="113"/>
      <c r="Y204" s="113"/>
      <c r="Z204" s="113"/>
      <c r="AA204" s="113"/>
      <c r="AB204" s="113"/>
      <c r="AC204" s="113" t="s">
        <v>191</v>
      </c>
      <c r="AD204" s="124"/>
      <c r="AE204" s="124"/>
      <c r="AF204" s="124"/>
      <c r="AG204" s="124"/>
      <c r="AH204" s="124"/>
      <c r="AI204" s="124"/>
      <c r="AJ204" s="113"/>
      <c r="AK204" s="113"/>
      <c r="AL204" s="113"/>
      <c r="AM204" s="113"/>
      <c r="AN204" s="113"/>
      <c r="AO204" s="113"/>
      <c r="AP204" s="113"/>
      <c r="AQ204" s="113"/>
    </row>
    <row r="205" spans="1:43" ht="180" x14ac:dyDescent="0.25">
      <c r="A205" s="55" t="s">
        <v>397</v>
      </c>
      <c r="B205" s="3" t="s">
        <v>675</v>
      </c>
      <c r="C205" s="3" t="s">
        <v>178</v>
      </c>
      <c r="D205" s="130"/>
      <c r="E205" s="131">
        <v>4</v>
      </c>
      <c r="F205" s="131">
        <v>3</v>
      </c>
      <c r="G205" s="131">
        <v>5</v>
      </c>
      <c r="H205" s="131">
        <v>4</v>
      </c>
      <c r="I205" s="131">
        <v>3</v>
      </c>
      <c r="J205" s="131">
        <v>3</v>
      </c>
      <c r="K205" s="131">
        <v>4</v>
      </c>
      <c r="L205" s="131" t="s">
        <v>410</v>
      </c>
      <c r="M205" s="7" t="s">
        <v>191</v>
      </c>
      <c r="N205" s="7" t="s">
        <v>191</v>
      </c>
      <c r="O205" s="7" t="s">
        <v>191</v>
      </c>
      <c r="P205" s="7" t="s">
        <v>191</v>
      </c>
      <c r="Q205" s="7" t="s">
        <v>191</v>
      </c>
      <c r="R205" s="11" t="s">
        <v>289</v>
      </c>
      <c r="S205" s="10" t="s">
        <v>290</v>
      </c>
      <c r="T205" s="131" t="s">
        <v>89</v>
      </c>
      <c r="U205" s="131" t="s">
        <v>178</v>
      </c>
      <c r="V205" s="131">
        <v>4</v>
      </c>
      <c r="W205" s="131">
        <v>3</v>
      </c>
      <c r="X205" s="131">
        <v>5</v>
      </c>
      <c r="Y205" s="131">
        <v>4</v>
      </c>
      <c r="Z205" s="131">
        <v>3</v>
      </c>
      <c r="AA205" s="131">
        <v>3</v>
      </c>
      <c r="AB205" s="131">
        <v>4</v>
      </c>
      <c r="AC205" s="131" t="s">
        <v>626</v>
      </c>
      <c r="AD205" s="132">
        <v>3.3333333333333335</v>
      </c>
      <c r="AE205" s="132">
        <v>3</v>
      </c>
      <c r="AF205" s="132">
        <v>3.6666666666666665</v>
      </c>
      <c r="AG205" s="132">
        <v>3</v>
      </c>
      <c r="AH205" s="132">
        <v>2.3333333333333335</v>
      </c>
      <c r="AI205" s="132">
        <v>4</v>
      </c>
      <c r="AJ205" s="130" t="s">
        <v>342</v>
      </c>
      <c r="AK205" s="113"/>
      <c r="AL205" s="113"/>
      <c r="AM205" s="113"/>
      <c r="AN205" s="113"/>
      <c r="AO205" s="113"/>
      <c r="AP205" s="113"/>
      <c r="AQ205" s="113"/>
    </row>
    <row r="206" spans="1:43" ht="105" x14ac:dyDescent="0.25">
      <c r="A206" s="55" t="s">
        <v>397</v>
      </c>
      <c r="B206" s="3" t="s">
        <v>676</v>
      </c>
      <c r="C206" s="3" t="s">
        <v>181</v>
      </c>
      <c r="D206" s="130" t="s">
        <v>463</v>
      </c>
      <c r="E206" s="131"/>
      <c r="F206" s="131">
        <v>3</v>
      </c>
      <c r="G206" s="131"/>
      <c r="H206" s="131">
        <v>5</v>
      </c>
      <c r="I206" s="131">
        <v>1</v>
      </c>
      <c r="J206" s="131"/>
      <c r="K206" s="131">
        <v>5</v>
      </c>
      <c r="L206" s="131" t="s">
        <v>409</v>
      </c>
      <c r="M206" s="7">
        <v>3</v>
      </c>
      <c r="N206" s="7">
        <v>5</v>
      </c>
      <c r="O206" s="7">
        <v>1</v>
      </c>
      <c r="P206" s="7" t="s">
        <v>191</v>
      </c>
      <c r="Q206" s="7">
        <v>5</v>
      </c>
      <c r="R206" s="10" t="s">
        <v>291</v>
      </c>
      <c r="S206" s="10" t="s">
        <v>292</v>
      </c>
      <c r="T206" s="131" t="s">
        <v>663</v>
      </c>
      <c r="U206" s="131" t="s">
        <v>293</v>
      </c>
      <c r="V206" s="131"/>
      <c r="W206" s="131">
        <v>3</v>
      </c>
      <c r="X206" s="131"/>
      <c r="Y206" s="131">
        <v>5</v>
      </c>
      <c r="Z206" s="131">
        <v>1</v>
      </c>
      <c r="AA206" s="131"/>
      <c r="AB206" s="131">
        <v>5</v>
      </c>
      <c r="AC206" s="131"/>
      <c r="AD206" s="132">
        <v>4</v>
      </c>
      <c r="AE206" s="132">
        <v>4.666666666666667</v>
      </c>
      <c r="AF206" s="132">
        <v>4.666666666666667</v>
      </c>
      <c r="AG206" s="132">
        <v>4</v>
      </c>
      <c r="AH206" s="132">
        <v>4.333333333333333</v>
      </c>
      <c r="AI206" s="132">
        <v>5</v>
      </c>
      <c r="AJ206" s="130" t="s">
        <v>343</v>
      </c>
      <c r="AK206" s="131" t="s">
        <v>665</v>
      </c>
      <c r="AL206" s="131" t="s">
        <v>611</v>
      </c>
      <c r="AM206" s="130" t="s">
        <v>590</v>
      </c>
      <c r="AN206" s="131"/>
      <c r="AO206" s="130" t="s">
        <v>397</v>
      </c>
      <c r="AP206" s="130" t="s">
        <v>663</v>
      </c>
      <c r="AQ206" s="130" t="s">
        <v>611</v>
      </c>
    </row>
    <row r="207" spans="1:43" ht="270" x14ac:dyDescent="0.25">
      <c r="A207" s="55" t="s">
        <v>397</v>
      </c>
      <c r="B207" s="3" t="s">
        <v>677</v>
      </c>
      <c r="C207" s="3" t="s">
        <v>184</v>
      </c>
      <c r="D207" s="130"/>
      <c r="E207" s="131">
        <v>3</v>
      </c>
      <c r="F207" s="131">
        <v>3</v>
      </c>
      <c r="G207" s="131">
        <v>3</v>
      </c>
      <c r="H207" s="131">
        <v>5</v>
      </c>
      <c r="I207" s="131">
        <v>5</v>
      </c>
      <c r="J207" s="131">
        <v>5</v>
      </c>
      <c r="K207" s="131">
        <v>4</v>
      </c>
      <c r="L207" s="131"/>
      <c r="M207" s="7">
        <v>3</v>
      </c>
      <c r="N207" s="7">
        <v>5</v>
      </c>
      <c r="O207" s="7">
        <v>5</v>
      </c>
      <c r="P207" s="7">
        <v>5</v>
      </c>
      <c r="Q207" s="7">
        <v>5</v>
      </c>
      <c r="R207" s="10" t="s">
        <v>294</v>
      </c>
      <c r="S207" s="10" t="s">
        <v>295</v>
      </c>
      <c r="T207" s="131" t="s">
        <v>659</v>
      </c>
      <c r="U207" s="131" t="s">
        <v>352</v>
      </c>
      <c r="V207" s="131"/>
      <c r="W207" s="131"/>
      <c r="X207" s="131"/>
      <c r="Y207" s="131"/>
      <c r="Z207" s="131"/>
      <c r="AA207" s="131"/>
      <c r="AB207" s="131"/>
      <c r="AC207" s="131" t="s">
        <v>485</v>
      </c>
      <c r="AD207" s="132">
        <v>3.5</v>
      </c>
      <c r="AE207" s="132">
        <v>4</v>
      </c>
      <c r="AF207" s="132">
        <v>3.6666666666666665</v>
      </c>
      <c r="AG207" s="132">
        <v>4</v>
      </c>
      <c r="AH207" s="132">
        <v>3.3333333333333335</v>
      </c>
      <c r="AI207" s="132">
        <v>4.5</v>
      </c>
      <c r="AJ207" s="130" t="s">
        <v>353</v>
      </c>
      <c r="AK207" s="113"/>
      <c r="AL207" s="113"/>
      <c r="AM207" s="113"/>
      <c r="AN207" s="113"/>
      <c r="AO207" s="113"/>
      <c r="AP207" s="113"/>
      <c r="AQ207" s="113"/>
    </row>
    <row r="208" spans="1:43" ht="240" x14ac:dyDescent="0.25">
      <c r="A208" s="113"/>
      <c r="B208" s="113"/>
      <c r="C208" s="113"/>
      <c r="D208" s="113"/>
      <c r="E208" s="113"/>
      <c r="F208" s="113"/>
      <c r="G208" s="113"/>
      <c r="H208" s="113"/>
      <c r="I208" s="113"/>
      <c r="J208" s="113"/>
      <c r="K208" s="113"/>
      <c r="L208" s="113"/>
      <c r="M208" s="111"/>
      <c r="N208" s="111"/>
      <c r="O208" s="111"/>
      <c r="P208" s="111"/>
      <c r="Q208" s="111"/>
      <c r="R208" s="112"/>
      <c r="S208" s="112"/>
      <c r="T208" s="131" t="s">
        <v>664</v>
      </c>
      <c r="U208" s="131" t="s">
        <v>354</v>
      </c>
      <c r="V208" s="131"/>
      <c r="W208" s="131"/>
      <c r="X208" s="131"/>
      <c r="Y208" s="131">
        <v>4</v>
      </c>
      <c r="Z208" s="131"/>
      <c r="AA208" s="131"/>
      <c r="AB208" s="131"/>
      <c r="AC208" s="131" t="s">
        <v>556</v>
      </c>
      <c r="AD208" s="132">
        <v>4.333333333333333</v>
      </c>
      <c r="AE208" s="132">
        <v>3.75</v>
      </c>
      <c r="AF208" s="132">
        <v>2.6666666666666665</v>
      </c>
      <c r="AG208" s="132">
        <v>3.5</v>
      </c>
      <c r="AH208" s="132">
        <v>3.75</v>
      </c>
      <c r="AI208" s="132">
        <v>2.75</v>
      </c>
      <c r="AJ208" s="130" t="s">
        <v>355</v>
      </c>
      <c r="AK208" s="113"/>
      <c r="AL208" s="113"/>
      <c r="AM208" s="113"/>
      <c r="AN208" s="113"/>
      <c r="AO208" s="113"/>
      <c r="AP208" s="113"/>
      <c r="AQ208" s="113"/>
    </row>
    <row r="209" spans="1:43" x14ac:dyDescent="0.25">
      <c r="A209" s="113"/>
      <c r="B209" s="113"/>
      <c r="C209" s="113"/>
      <c r="D209" s="113"/>
      <c r="E209" s="113"/>
      <c r="F209" s="113"/>
      <c r="G209" s="113"/>
      <c r="H209" s="113"/>
      <c r="I209" s="113"/>
      <c r="J209" s="113"/>
      <c r="K209" s="113"/>
      <c r="L209" s="113"/>
      <c r="M209" s="111"/>
      <c r="N209" s="111"/>
      <c r="O209" s="111"/>
      <c r="P209" s="111"/>
      <c r="Q209" s="111"/>
      <c r="R209" s="112"/>
      <c r="S209" s="112"/>
      <c r="T209" s="113"/>
      <c r="U209" s="113"/>
      <c r="V209" s="113"/>
      <c r="W209" s="113"/>
      <c r="X209" s="113"/>
      <c r="Y209" s="113"/>
      <c r="Z209" s="113"/>
      <c r="AA209" s="113"/>
      <c r="AB209" s="113"/>
      <c r="AC209" s="113"/>
      <c r="AD209" s="123"/>
      <c r="AE209" s="123"/>
      <c r="AF209" s="123"/>
      <c r="AG209" s="123"/>
      <c r="AH209" s="123"/>
      <c r="AI209" s="123"/>
      <c r="AJ209" s="113"/>
      <c r="AK209" s="113"/>
      <c r="AL209" s="113"/>
      <c r="AM209" s="113"/>
      <c r="AN209" s="113"/>
      <c r="AO209" s="157" t="s">
        <v>397</v>
      </c>
      <c r="AP209" s="157" t="s">
        <v>665</v>
      </c>
      <c r="AQ209" s="130" t="s">
        <v>653</v>
      </c>
    </row>
    <row r="210" spans="1:43" ht="30" x14ac:dyDescent="0.25">
      <c r="A210" s="113"/>
      <c r="B210" s="113"/>
      <c r="C210" s="113"/>
      <c r="D210" s="113"/>
      <c r="E210" s="113"/>
      <c r="F210" s="113"/>
      <c r="G210" s="113"/>
      <c r="H210" s="113"/>
      <c r="I210" s="113"/>
      <c r="J210" s="113"/>
      <c r="K210" s="113"/>
      <c r="L210" s="113"/>
      <c r="M210" s="127"/>
      <c r="N210" s="127"/>
      <c r="O210" s="127"/>
      <c r="P210" s="127"/>
      <c r="Q210" s="127"/>
      <c r="R210" s="128"/>
      <c r="S210" s="128"/>
      <c r="T210" s="113"/>
      <c r="U210" s="113"/>
      <c r="V210" s="113"/>
      <c r="W210" s="113"/>
      <c r="X210" s="113"/>
      <c r="Y210" s="113"/>
      <c r="Z210" s="113"/>
      <c r="AA210" s="113"/>
      <c r="AB210" s="113"/>
      <c r="AC210" s="113"/>
      <c r="AD210" s="123"/>
      <c r="AE210" s="123"/>
      <c r="AF210" s="123"/>
      <c r="AG210" s="123"/>
      <c r="AH210" s="123"/>
      <c r="AI210" s="123"/>
      <c r="AJ210" s="113"/>
      <c r="AK210" s="113"/>
      <c r="AL210" s="113"/>
      <c r="AM210" s="113"/>
      <c r="AN210" s="113"/>
      <c r="AO210" s="157"/>
      <c r="AP210" s="157"/>
      <c r="AQ210" s="130" t="s">
        <v>654</v>
      </c>
    </row>
    <row r="211" spans="1:43" ht="30" x14ac:dyDescent="0.25">
      <c r="A211" s="113"/>
      <c r="B211" s="113"/>
      <c r="C211" s="113"/>
      <c r="D211" s="113"/>
      <c r="E211" s="113"/>
      <c r="F211" s="113"/>
      <c r="G211" s="113"/>
      <c r="H211" s="113"/>
      <c r="I211" s="113"/>
      <c r="J211" s="113"/>
      <c r="K211" s="113"/>
      <c r="L211" s="113"/>
      <c r="M211" s="127"/>
      <c r="N211" s="127"/>
      <c r="O211" s="127"/>
      <c r="P211" s="127"/>
      <c r="Q211" s="127"/>
      <c r="R211" s="128"/>
      <c r="S211" s="128"/>
      <c r="T211" s="113"/>
      <c r="U211" s="113"/>
      <c r="V211" s="113"/>
      <c r="W211" s="113"/>
      <c r="X211" s="113"/>
      <c r="Y211" s="113"/>
      <c r="Z211" s="113"/>
      <c r="AA211" s="113"/>
      <c r="AB211" s="113"/>
      <c r="AC211" s="113"/>
      <c r="AD211" s="113"/>
      <c r="AE211" s="113"/>
      <c r="AF211" s="113"/>
      <c r="AG211" s="113"/>
      <c r="AH211" s="113"/>
      <c r="AI211" s="113"/>
      <c r="AJ211" s="113"/>
      <c r="AK211" s="113"/>
      <c r="AL211" s="113"/>
      <c r="AM211" s="113"/>
      <c r="AN211" s="113"/>
      <c r="AO211" s="157"/>
      <c r="AP211" s="157"/>
      <c r="AQ211" s="130" t="s">
        <v>655</v>
      </c>
    </row>
    <row r="212" spans="1:43" x14ac:dyDescent="0.25">
      <c r="A212" s="113"/>
      <c r="B212" s="113"/>
      <c r="C212" s="113"/>
      <c r="D212" s="113"/>
      <c r="E212" s="113"/>
      <c r="F212" s="113"/>
      <c r="G212" s="113"/>
      <c r="H212" s="113"/>
      <c r="I212" s="113"/>
      <c r="J212" s="113"/>
      <c r="K212" s="113"/>
      <c r="L212" s="113"/>
      <c r="M212" s="127"/>
      <c r="N212" s="127"/>
      <c r="O212" s="127"/>
      <c r="P212" s="127"/>
      <c r="Q212" s="127"/>
      <c r="R212" s="128"/>
      <c r="S212" s="128"/>
      <c r="T212" s="113"/>
      <c r="U212" s="113"/>
      <c r="V212" s="113"/>
      <c r="W212" s="113"/>
      <c r="X212" s="113"/>
      <c r="Y212" s="113"/>
      <c r="Z212" s="113"/>
      <c r="AA212" s="113"/>
      <c r="AB212" s="113"/>
      <c r="AC212" s="113"/>
      <c r="AD212" s="113"/>
      <c r="AE212" s="113"/>
      <c r="AF212" s="113"/>
      <c r="AG212" s="113"/>
      <c r="AH212" s="113"/>
      <c r="AI212" s="113"/>
      <c r="AJ212" s="113"/>
      <c r="AK212" s="113"/>
      <c r="AL212" s="113"/>
      <c r="AM212" s="113"/>
      <c r="AN212" s="113"/>
      <c r="AO212" s="157"/>
      <c r="AP212" s="157"/>
      <c r="AQ212" s="130" t="s">
        <v>652</v>
      </c>
    </row>
  </sheetData>
  <autoFilter ref="A4:AQ212" xr:uid="{52AA5C62-58F1-45D1-8F76-818AB97B754E}"/>
  <mergeCells count="254">
    <mergeCell ref="AK184:AK190"/>
    <mergeCell ref="AP174:AP178"/>
    <mergeCell ref="AO174:AO178"/>
    <mergeCell ref="S131:S136"/>
    <mergeCell ref="R137:R142"/>
    <mergeCell ref="S137:S142"/>
    <mergeCell ref="AP209:AP212"/>
    <mergeCell ref="AO209:AO212"/>
    <mergeCell ref="C199:C200"/>
    <mergeCell ref="R199:R200"/>
    <mergeCell ref="S199:S200"/>
    <mergeCell ref="R143:R148"/>
    <mergeCell ref="S143:S148"/>
    <mergeCell ref="R149:R154"/>
    <mergeCell ref="S149:S154"/>
    <mergeCell ref="S158:S171"/>
    <mergeCell ref="R158:R171"/>
    <mergeCell ref="AJ174:AJ178"/>
    <mergeCell ref="AC174:AC178"/>
    <mergeCell ref="U174:U178"/>
    <mergeCell ref="T174:T178"/>
    <mergeCell ref="AP191:AP195"/>
    <mergeCell ref="AO191:AO195"/>
    <mergeCell ref="AP184:AP190"/>
    <mergeCell ref="AO184:AO190"/>
    <mergeCell ref="AP165:AP171"/>
    <mergeCell ref="AO165:AO171"/>
    <mergeCell ref="M2:S2"/>
    <mergeCell ref="S5:S8"/>
    <mergeCell ref="A30:A32"/>
    <mergeCell ref="B30:B32"/>
    <mergeCell ref="C30:C32"/>
    <mergeCell ref="R30:R32"/>
    <mergeCell ref="S30:S32"/>
    <mergeCell ref="S25:S29"/>
    <mergeCell ref="R25:R29"/>
    <mergeCell ref="S15:S23"/>
    <mergeCell ref="R15:R23"/>
    <mergeCell ref="D15:D23"/>
    <mergeCell ref="L15:L23"/>
    <mergeCell ref="A15:A23"/>
    <mergeCell ref="B15:B23"/>
    <mergeCell ref="E2:L2"/>
    <mergeCell ref="M3:Q3"/>
    <mergeCell ref="R3:S3"/>
    <mergeCell ref="B5:B8"/>
    <mergeCell ref="A5:A8"/>
    <mergeCell ref="E3:L3"/>
    <mergeCell ref="B131:B136"/>
    <mergeCell ref="A131:A136"/>
    <mergeCell ref="B125:B130"/>
    <mergeCell ref="A125:A130"/>
    <mergeCell ref="B119:B124"/>
    <mergeCell ref="A119:A124"/>
    <mergeCell ref="A113:A118"/>
    <mergeCell ref="B113:B118"/>
    <mergeCell ref="B65:B70"/>
    <mergeCell ref="A65:A70"/>
    <mergeCell ref="C65:C70"/>
    <mergeCell ref="L65:L70"/>
    <mergeCell ref="B47:B57"/>
    <mergeCell ref="A47:A57"/>
    <mergeCell ref="A105:A112"/>
    <mergeCell ref="B105:B112"/>
    <mergeCell ref="D65:D70"/>
    <mergeCell ref="AP158:AP164"/>
    <mergeCell ref="AO158:AO164"/>
    <mergeCell ref="AP47:AP57"/>
    <mergeCell ref="AO47:AO57"/>
    <mergeCell ref="B149:B154"/>
    <mergeCell ref="A149:A154"/>
    <mergeCell ref="B143:B148"/>
    <mergeCell ref="A143:A148"/>
    <mergeCell ref="B137:B142"/>
    <mergeCell ref="A137:A142"/>
    <mergeCell ref="L143:L148"/>
    <mergeCell ref="S61:S63"/>
    <mergeCell ref="R61:R63"/>
    <mergeCell ref="R65:R70"/>
    <mergeCell ref="S65:S70"/>
    <mergeCell ref="R105:R112"/>
    <mergeCell ref="S105:S112"/>
    <mergeCell ref="S47:S57"/>
    <mergeCell ref="R47:R57"/>
    <mergeCell ref="S113:S118"/>
    <mergeCell ref="R119:R124"/>
    <mergeCell ref="S119:S124"/>
    <mergeCell ref="R125:R130"/>
    <mergeCell ref="S125:S130"/>
    <mergeCell ref="AP131:AP154"/>
    <mergeCell ref="AN19:AN23"/>
    <mergeCell ref="AP30:AP32"/>
    <mergeCell ref="AO30:AO32"/>
    <mergeCell ref="AP65:AP70"/>
    <mergeCell ref="AO65:AO70"/>
    <mergeCell ref="AP25:AP29"/>
    <mergeCell ref="AO25:AO29"/>
    <mergeCell ref="AO81:AO88"/>
    <mergeCell ref="AO73:AO80"/>
    <mergeCell ref="AP73:AP80"/>
    <mergeCell ref="AP81:AP88"/>
    <mergeCell ref="AP89:AP96"/>
    <mergeCell ref="AM19:AM23"/>
    <mergeCell ref="AP58:AP60"/>
    <mergeCell ref="AO58:AO60"/>
    <mergeCell ref="AP61:AP63"/>
    <mergeCell ref="AO61:AO63"/>
    <mergeCell ref="AO89:AO96"/>
    <mergeCell ref="AO44:AO45"/>
    <mergeCell ref="AP44:AP45"/>
    <mergeCell ref="AP19:AP23"/>
    <mergeCell ref="AO19:AO23"/>
    <mergeCell ref="AK3:AL3"/>
    <mergeCell ref="AK158:AK164"/>
    <mergeCell ref="AK61:AK63"/>
    <mergeCell ref="AK58:AK60"/>
    <mergeCell ref="AK47:AK57"/>
    <mergeCell ref="AN184:AN190"/>
    <mergeCell ref="AJ30:AJ32"/>
    <mergeCell ref="T9:T14"/>
    <mergeCell ref="AJ9:AJ14"/>
    <mergeCell ref="AM47:AM57"/>
    <mergeCell ref="AN47:AN57"/>
    <mergeCell ref="AM105:AM130"/>
    <mergeCell ref="AM158:AM164"/>
    <mergeCell ref="AM174:AM178"/>
    <mergeCell ref="AM184:AM190"/>
    <mergeCell ref="AM58:AM60"/>
    <mergeCell ref="AM61:AM63"/>
    <mergeCell ref="AM81:AM88"/>
    <mergeCell ref="AM89:AM96"/>
    <mergeCell ref="AM97:AM104"/>
    <mergeCell ref="AK81:AK88"/>
    <mergeCell ref="AK89:AK96"/>
    <mergeCell ref="AK97:AK104"/>
    <mergeCell ref="AK174:AK178"/>
    <mergeCell ref="AD2:AJ2"/>
    <mergeCell ref="T2:AC2"/>
    <mergeCell ref="AD3:AI3"/>
    <mergeCell ref="V3:AB3"/>
    <mergeCell ref="AJ65:AJ70"/>
    <mergeCell ref="T61:T63"/>
    <mergeCell ref="AC61:AC63"/>
    <mergeCell ref="AJ61:AJ63"/>
    <mergeCell ref="T25:T29"/>
    <mergeCell ref="AJ17:AJ23"/>
    <mergeCell ref="T44:T45"/>
    <mergeCell ref="U44:U45"/>
    <mergeCell ref="AC44:AC45"/>
    <mergeCell ref="AJ44:AJ45"/>
    <mergeCell ref="AJ47:AJ57"/>
    <mergeCell ref="AC47:AC57"/>
    <mergeCell ref="T47:T57"/>
    <mergeCell ref="T65:T70"/>
    <mergeCell ref="AC65:AC70"/>
    <mergeCell ref="AC25:AC29"/>
    <mergeCell ref="AC9:AC14"/>
    <mergeCell ref="T3:U3"/>
    <mergeCell ref="L5:L8"/>
    <mergeCell ref="AM5:AM8"/>
    <mergeCell ref="AN5:AN8"/>
    <mergeCell ref="AM30:AM32"/>
    <mergeCell ref="AN30:AN32"/>
    <mergeCell ref="AC30:AC32"/>
    <mergeCell ref="AN165:AN171"/>
    <mergeCell ref="AM165:AM171"/>
    <mergeCell ref="AK165:AK171"/>
    <mergeCell ref="AJ158:AJ171"/>
    <mergeCell ref="AC158:AC171"/>
    <mergeCell ref="T158:T171"/>
    <mergeCell ref="L158:L171"/>
    <mergeCell ref="AN25:AN29"/>
    <mergeCell ref="AM25:AM29"/>
    <mergeCell ref="AJ97:AJ104"/>
    <mergeCell ref="AJ89:AJ96"/>
    <mergeCell ref="T89:T96"/>
    <mergeCell ref="T97:T104"/>
    <mergeCell ref="AJ81:AJ88"/>
    <mergeCell ref="L137:L142"/>
    <mergeCell ref="L125:L130"/>
    <mergeCell ref="L131:L136"/>
    <mergeCell ref="L119:L124"/>
    <mergeCell ref="AK19:AK23"/>
    <mergeCell ref="AJ25:AJ29"/>
    <mergeCell ref="B158:B171"/>
    <mergeCell ref="A158:A171"/>
    <mergeCell ref="AM191:AM195"/>
    <mergeCell ref="AN191:AN195"/>
    <mergeCell ref="AK191:AK195"/>
    <mergeCell ref="AJ185:AJ195"/>
    <mergeCell ref="AC185:AC195"/>
    <mergeCell ref="T184:T195"/>
    <mergeCell ref="D158:D171"/>
    <mergeCell ref="D137:D142"/>
    <mergeCell ref="D113:D118"/>
    <mergeCell ref="D125:D130"/>
    <mergeCell ref="D131:D136"/>
    <mergeCell ref="L113:L118"/>
    <mergeCell ref="L105:L112"/>
    <mergeCell ref="T81:T88"/>
    <mergeCell ref="R113:R118"/>
    <mergeCell ref="AN105:AN130"/>
    <mergeCell ref="AN58:AN60"/>
    <mergeCell ref="AM131:AM154"/>
    <mergeCell ref="AN131:AN154"/>
    <mergeCell ref="R131:R136"/>
    <mergeCell ref="C47:C57"/>
    <mergeCell ref="AO131:AO154"/>
    <mergeCell ref="AK2:AL2"/>
    <mergeCell ref="T131:T154"/>
    <mergeCell ref="T105:T130"/>
    <mergeCell ref="AC105:AC130"/>
    <mergeCell ref="AJ105:AJ130"/>
    <mergeCell ref="AK105:AK130"/>
    <mergeCell ref="A61:A63"/>
    <mergeCell ref="AC131:AC154"/>
    <mergeCell ref="AJ131:AJ154"/>
    <mergeCell ref="AK131:AK154"/>
    <mergeCell ref="D25:D29"/>
    <mergeCell ref="L25:L29"/>
    <mergeCell ref="B25:B29"/>
    <mergeCell ref="A25:A29"/>
    <mergeCell ref="T17:T23"/>
    <mergeCell ref="AC17:AC23"/>
    <mergeCell ref="AK25:AK29"/>
    <mergeCell ref="L149:L154"/>
    <mergeCell ref="D149:D154"/>
    <mergeCell ref="D143:D148"/>
    <mergeCell ref="D119:D124"/>
    <mergeCell ref="D105:D112"/>
    <mergeCell ref="AO2:AQ2"/>
    <mergeCell ref="AK5:AK8"/>
    <mergeCell ref="A199:A200"/>
    <mergeCell ref="B199:B200"/>
    <mergeCell ref="L199:L200"/>
    <mergeCell ref="D199:D200"/>
    <mergeCell ref="AQ44:AQ45"/>
    <mergeCell ref="AC5:AC8"/>
    <mergeCell ref="AJ5:AJ8"/>
    <mergeCell ref="AO5:AO8"/>
    <mergeCell ref="AP5:AP8"/>
    <mergeCell ref="U17:U18"/>
    <mergeCell ref="AC97:AC104"/>
    <mergeCell ref="AC89:AC96"/>
    <mergeCell ref="AC81:AC88"/>
    <mergeCell ref="AM65:AM70"/>
    <mergeCell ref="AN65:AN70"/>
    <mergeCell ref="AN61:AN63"/>
    <mergeCell ref="U61:U63"/>
    <mergeCell ref="B61:B63"/>
    <mergeCell ref="AO105:AO130"/>
    <mergeCell ref="AP105:AP130"/>
    <mergeCell ref="L47:L57"/>
    <mergeCell ref="R5:R8"/>
  </mergeCells>
  <pageMargins left="0.25" right="0.25" top="0.75" bottom="0.75" header="0.3" footer="0.3"/>
  <pageSetup paperSize="8" scale="30" fitToHeight="0" orientation="landscape"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3443647-16EF-4DF6-831B-C96325275CA1}">
  <dimension ref="A1:H106"/>
  <sheetViews>
    <sheetView tabSelected="1" topLeftCell="A77" zoomScale="90" zoomScaleNormal="90" workbookViewId="0">
      <selection activeCell="A74" sqref="A1:A1048576"/>
    </sheetView>
  </sheetViews>
  <sheetFormatPr defaultColWidth="9.140625" defaultRowHeight="15.75" x14ac:dyDescent="0.25"/>
  <cols>
    <col min="1" max="1" width="9.140625" style="14"/>
    <col min="2" max="2" width="6.7109375" style="95" customWidth="1"/>
    <col min="3" max="3" width="23.140625" style="59" customWidth="1"/>
    <col min="4" max="4" width="67.140625" style="59" customWidth="1"/>
    <col min="5" max="5" width="10.28515625" style="59" customWidth="1"/>
    <col min="6" max="6" width="9.140625" style="59"/>
    <col min="7" max="7" width="29.7109375" style="59" customWidth="1"/>
    <col min="8" max="8" width="56.28515625" style="91" customWidth="1"/>
    <col min="13" max="13" width="103.140625" customWidth="1"/>
  </cols>
  <sheetData>
    <row r="1" spans="1:8" ht="24" thickBot="1" x14ac:dyDescent="0.3">
      <c r="A1" s="49" t="s">
        <v>697</v>
      </c>
      <c r="C1" s="14"/>
      <c r="D1" s="14"/>
      <c r="E1" s="14"/>
      <c r="F1" s="14"/>
      <c r="G1" s="14"/>
      <c r="H1" s="86"/>
    </row>
    <row r="2" spans="1:8" ht="16.5" thickBot="1" x14ac:dyDescent="0.3">
      <c r="A2" s="60"/>
      <c r="B2" s="96" t="s">
        <v>1</v>
      </c>
      <c r="C2" s="61" t="s">
        <v>2</v>
      </c>
      <c r="D2" s="61" t="s">
        <v>3</v>
      </c>
      <c r="E2" s="61" t="s">
        <v>4</v>
      </c>
      <c r="F2" s="61" t="s">
        <v>5</v>
      </c>
      <c r="G2" s="61" t="s">
        <v>6</v>
      </c>
      <c r="H2" s="87" t="s">
        <v>7</v>
      </c>
    </row>
    <row r="3" spans="1:8" ht="15" x14ac:dyDescent="0.25">
      <c r="A3" s="144" t="s">
        <v>8</v>
      </c>
      <c r="B3" s="97" t="s">
        <v>9</v>
      </c>
      <c r="C3" s="62" t="s">
        <v>329</v>
      </c>
      <c r="D3" s="63" t="s">
        <v>202</v>
      </c>
      <c r="E3" s="62" t="s">
        <v>31</v>
      </c>
      <c r="F3" s="62" t="s">
        <v>16</v>
      </c>
      <c r="G3" s="62" t="s">
        <v>358</v>
      </c>
      <c r="H3" s="138" t="s">
        <v>359</v>
      </c>
    </row>
    <row r="4" spans="1:8" ht="15" x14ac:dyDescent="0.25">
      <c r="A4" s="145"/>
      <c r="B4" s="98"/>
      <c r="C4" s="64"/>
      <c r="D4" s="65" t="s">
        <v>194</v>
      </c>
      <c r="E4" s="64"/>
      <c r="F4" s="64"/>
      <c r="G4" s="64"/>
      <c r="H4" s="139"/>
    </row>
    <row r="5" spans="1:8" thickBot="1" x14ac:dyDescent="0.3">
      <c r="A5" s="145"/>
      <c r="B5" s="99"/>
      <c r="C5" s="66"/>
      <c r="D5" s="67" t="s">
        <v>195</v>
      </c>
      <c r="E5" s="66"/>
      <c r="F5" s="66"/>
      <c r="G5" s="66"/>
      <c r="H5" s="140"/>
    </row>
    <row r="6" spans="1:8" ht="26.25" thickBot="1" x14ac:dyDescent="0.3">
      <c r="A6" s="145"/>
      <c r="B6" s="100" t="s">
        <v>23</v>
      </c>
      <c r="C6" s="69" t="s">
        <v>301</v>
      </c>
      <c r="D6" s="69" t="s">
        <v>319</v>
      </c>
      <c r="E6" s="69" t="s">
        <v>31</v>
      </c>
      <c r="F6" s="69" t="s">
        <v>16</v>
      </c>
      <c r="G6" s="69" t="s">
        <v>358</v>
      </c>
      <c r="H6" s="75" t="s">
        <v>360</v>
      </c>
    </row>
    <row r="7" spans="1:8" ht="25.5" x14ac:dyDescent="0.25">
      <c r="A7" s="145"/>
      <c r="B7" s="101" t="s">
        <v>29</v>
      </c>
      <c r="C7" s="70" t="s">
        <v>301</v>
      </c>
      <c r="D7" s="71" t="s">
        <v>321</v>
      </c>
      <c r="E7" s="70" t="s">
        <v>361</v>
      </c>
      <c r="F7" s="70" t="s">
        <v>16</v>
      </c>
      <c r="G7" s="71" t="s">
        <v>358</v>
      </c>
      <c r="H7" s="147" t="s">
        <v>362</v>
      </c>
    </row>
    <row r="8" spans="1:8" ht="15" x14ac:dyDescent="0.25">
      <c r="A8" s="145"/>
      <c r="B8" s="102"/>
      <c r="C8" s="72"/>
      <c r="D8" s="73" t="s">
        <v>323</v>
      </c>
      <c r="E8" s="72"/>
      <c r="F8" s="72"/>
      <c r="G8" s="74" t="s">
        <v>363</v>
      </c>
      <c r="H8" s="148"/>
    </row>
    <row r="9" spans="1:8" ht="15" x14ac:dyDescent="0.25">
      <c r="A9" s="145"/>
      <c r="B9" s="102"/>
      <c r="C9" s="72"/>
      <c r="D9" s="73" t="s">
        <v>324</v>
      </c>
      <c r="E9" s="72"/>
      <c r="F9" s="72"/>
      <c r="G9" s="74" t="s">
        <v>364</v>
      </c>
      <c r="H9" s="148"/>
    </row>
    <row r="10" spans="1:8" ht="15" x14ac:dyDescent="0.25">
      <c r="A10" s="145"/>
      <c r="B10" s="102"/>
      <c r="C10" s="72"/>
      <c r="D10" s="73" t="s">
        <v>325</v>
      </c>
      <c r="E10" s="72"/>
      <c r="F10" s="72"/>
      <c r="G10" s="63"/>
      <c r="H10" s="148"/>
    </row>
    <row r="11" spans="1:8" ht="15" x14ac:dyDescent="0.25">
      <c r="A11" s="145"/>
      <c r="B11" s="102"/>
      <c r="C11" s="72"/>
      <c r="D11" s="73" t="s">
        <v>326</v>
      </c>
      <c r="E11" s="72"/>
      <c r="F11" s="72"/>
      <c r="G11" s="63"/>
      <c r="H11" s="148"/>
    </row>
    <row r="12" spans="1:8" thickBot="1" x14ac:dyDescent="0.3">
      <c r="A12" s="145"/>
      <c r="B12" s="100"/>
      <c r="C12" s="68"/>
      <c r="D12" s="75" t="s">
        <v>327</v>
      </c>
      <c r="E12" s="68"/>
      <c r="F12" s="68"/>
      <c r="G12" s="76"/>
      <c r="H12" s="149"/>
    </row>
    <row r="13" spans="1:8" ht="26.25" thickBot="1" x14ac:dyDescent="0.3">
      <c r="A13" s="145"/>
      <c r="B13" s="100" t="s">
        <v>33</v>
      </c>
      <c r="C13" s="69" t="s">
        <v>301</v>
      </c>
      <c r="D13" s="69" t="s">
        <v>299</v>
      </c>
      <c r="E13" s="69" t="s">
        <v>365</v>
      </c>
      <c r="F13" s="69" t="s">
        <v>16</v>
      </c>
      <c r="G13" s="69" t="s">
        <v>366</v>
      </c>
      <c r="H13" s="75" t="s">
        <v>367</v>
      </c>
    </row>
    <row r="14" spans="1:8" ht="64.5" thickBot="1" x14ac:dyDescent="0.3">
      <c r="A14" s="145"/>
      <c r="B14" s="100" t="s">
        <v>36</v>
      </c>
      <c r="C14" s="69" t="s">
        <v>301</v>
      </c>
      <c r="D14" s="69" t="s">
        <v>698</v>
      </c>
      <c r="E14" s="69" t="s">
        <v>31</v>
      </c>
      <c r="F14" s="69" t="s">
        <v>16</v>
      </c>
      <c r="G14" s="69" t="s">
        <v>366</v>
      </c>
      <c r="H14" s="75" t="s">
        <v>368</v>
      </c>
    </row>
    <row r="15" spans="1:8" ht="26.25" thickBot="1" x14ac:dyDescent="0.3">
      <c r="A15" s="145"/>
      <c r="B15" s="99" t="s">
        <v>41</v>
      </c>
      <c r="C15" s="76" t="s">
        <v>317</v>
      </c>
      <c r="D15" s="76" t="s">
        <v>315</v>
      </c>
      <c r="E15" s="76" t="s">
        <v>59</v>
      </c>
      <c r="F15" s="76" t="s">
        <v>16</v>
      </c>
      <c r="G15" s="76" t="s">
        <v>366</v>
      </c>
      <c r="H15" s="67" t="s">
        <v>369</v>
      </c>
    </row>
    <row r="16" spans="1:8" ht="39" thickBot="1" x14ac:dyDescent="0.3">
      <c r="A16" s="145"/>
      <c r="B16" s="99" t="s">
        <v>44</v>
      </c>
      <c r="C16" s="76" t="s">
        <v>317</v>
      </c>
      <c r="D16" s="76" t="s">
        <v>318</v>
      </c>
      <c r="E16" s="76" t="s">
        <v>59</v>
      </c>
      <c r="F16" s="76" t="s">
        <v>16</v>
      </c>
      <c r="G16" s="76" t="s">
        <v>366</v>
      </c>
      <c r="H16" s="67" t="s">
        <v>370</v>
      </c>
    </row>
    <row r="17" spans="1:8" ht="15" x14ac:dyDescent="0.25">
      <c r="A17" s="145"/>
      <c r="B17" s="97" t="s">
        <v>48</v>
      </c>
      <c r="C17" s="62" t="s">
        <v>312</v>
      </c>
      <c r="D17" s="63" t="s">
        <v>310</v>
      </c>
      <c r="E17" s="62" t="s">
        <v>31</v>
      </c>
      <c r="F17" s="62" t="s">
        <v>16</v>
      </c>
      <c r="G17" s="62" t="s">
        <v>366</v>
      </c>
      <c r="H17" s="138" t="s">
        <v>371</v>
      </c>
    </row>
    <row r="18" spans="1:8" ht="15" x14ac:dyDescent="0.25">
      <c r="A18" s="145"/>
      <c r="B18" s="98"/>
      <c r="C18" s="64"/>
      <c r="D18" s="65" t="s">
        <v>214</v>
      </c>
      <c r="E18" s="64"/>
      <c r="F18" s="64"/>
      <c r="G18" s="64"/>
      <c r="H18" s="139"/>
    </row>
    <row r="19" spans="1:8" ht="15" x14ac:dyDescent="0.25">
      <c r="A19" s="145"/>
      <c r="B19" s="98"/>
      <c r="C19" s="64"/>
      <c r="D19" s="65" t="s">
        <v>215</v>
      </c>
      <c r="E19" s="64"/>
      <c r="F19" s="64"/>
      <c r="G19" s="64"/>
      <c r="H19" s="139"/>
    </row>
    <row r="20" spans="1:8" ht="15" x14ac:dyDescent="0.25">
      <c r="A20" s="145"/>
      <c r="B20" s="98"/>
      <c r="C20" s="64"/>
      <c r="D20" s="65" t="s">
        <v>216</v>
      </c>
      <c r="E20" s="64"/>
      <c r="F20" s="64"/>
      <c r="G20" s="64"/>
      <c r="H20" s="139"/>
    </row>
    <row r="21" spans="1:8" ht="15" x14ac:dyDescent="0.25">
      <c r="A21" s="145"/>
      <c r="B21" s="98"/>
      <c r="C21" s="64"/>
      <c r="D21" s="65" t="s">
        <v>217</v>
      </c>
      <c r="E21" s="64"/>
      <c r="F21" s="64"/>
      <c r="G21" s="64"/>
      <c r="H21" s="139"/>
    </row>
    <row r="22" spans="1:8" ht="15" x14ac:dyDescent="0.25">
      <c r="A22" s="145"/>
      <c r="B22" s="98"/>
      <c r="C22" s="64"/>
      <c r="D22" s="65" t="s">
        <v>218</v>
      </c>
      <c r="E22" s="64"/>
      <c r="F22" s="64"/>
      <c r="G22" s="64"/>
      <c r="H22" s="139"/>
    </row>
    <row r="23" spans="1:8" thickBot="1" x14ac:dyDescent="0.3">
      <c r="A23" s="145"/>
      <c r="B23" s="99"/>
      <c r="C23" s="66"/>
      <c r="D23" s="67" t="s">
        <v>219</v>
      </c>
      <c r="E23" s="66"/>
      <c r="F23" s="66"/>
      <c r="G23" s="66"/>
      <c r="H23" s="140"/>
    </row>
    <row r="24" spans="1:8" ht="39" thickBot="1" x14ac:dyDescent="0.3">
      <c r="A24" s="145"/>
      <c r="B24" s="99" t="s">
        <v>51</v>
      </c>
      <c r="C24" s="76" t="s">
        <v>306</v>
      </c>
      <c r="D24" s="76" t="s">
        <v>76</v>
      </c>
      <c r="E24" s="76" t="s">
        <v>372</v>
      </c>
      <c r="F24" s="76" t="s">
        <v>373</v>
      </c>
      <c r="G24" s="76"/>
      <c r="H24" s="67" t="s">
        <v>374</v>
      </c>
    </row>
    <row r="25" spans="1:8" ht="26.25" thickBot="1" x14ac:dyDescent="0.3">
      <c r="A25" s="146"/>
      <c r="B25" s="99" t="s">
        <v>56</v>
      </c>
      <c r="C25" s="76" t="s">
        <v>304</v>
      </c>
      <c r="D25" s="76" t="s">
        <v>52</v>
      </c>
      <c r="E25" s="76" t="s">
        <v>31</v>
      </c>
      <c r="F25" s="76" t="s">
        <v>16</v>
      </c>
      <c r="G25" s="76" t="s">
        <v>366</v>
      </c>
      <c r="H25" s="67" t="s">
        <v>375</v>
      </c>
    </row>
    <row r="26" spans="1:8" ht="15" x14ac:dyDescent="0.25">
      <c r="A26" s="144" t="s">
        <v>55</v>
      </c>
      <c r="B26" s="97" t="s">
        <v>61</v>
      </c>
      <c r="C26" s="62" t="s">
        <v>334</v>
      </c>
      <c r="D26" s="63" t="s">
        <v>220</v>
      </c>
      <c r="E26" s="62" t="s">
        <v>365</v>
      </c>
      <c r="F26" s="62" t="s">
        <v>16</v>
      </c>
      <c r="G26" s="62"/>
      <c r="H26" s="138" t="s">
        <v>376</v>
      </c>
    </row>
    <row r="27" spans="1:8" ht="15" x14ac:dyDescent="0.25">
      <c r="A27" s="145"/>
      <c r="B27" s="98"/>
      <c r="C27" s="64"/>
      <c r="D27" s="63" t="s">
        <v>221</v>
      </c>
      <c r="E27" s="64"/>
      <c r="F27" s="64"/>
      <c r="G27" s="64"/>
      <c r="H27" s="139"/>
    </row>
    <row r="28" spans="1:8" ht="15" x14ac:dyDescent="0.25">
      <c r="A28" s="145"/>
      <c r="B28" s="98"/>
      <c r="C28" s="64"/>
      <c r="D28" s="63" t="s">
        <v>222</v>
      </c>
      <c r="E28" s="64"/>
      <c r="F28" s="64"/>
      <c r="G28" s="64"/>
      <c r="H28" s="139"/>
    </row>
    <row r="29" spans="1:8" thickBot="1" x14ac:dyDescent="0.3">
      <c r="A29" s="145"/>
      <c r="B29" s="99"/>
      <c r="C29" s="66"/>
      <c r="D29" s="76" t="s">
        <v>223</v>
      </c>
      <c r="E29" s="66"/>
      <c r="F29" s="66"/>
      <c r="G29" s="66"/>
      <c r="H29" s="140"/>
    </row>
    <row r="30" spans="1:8" ht="39" thickBot="1" x14ac:dyDescent="0.3">
      <c r="A30" s="145"/>
      <c r="B30" s="99" t="s">
        <v>64</v>
      </c>
      <c r="C30" s="76" t="s">
        <v>332</v>
      </c>
      <c r="D30" s="76" t="s">
        <v>330</v>
      </c>
      <c r="E30" s="76" t="s">
        <v>31</v>
      </c>
      <c r="F30" s="76" t="s">
        <v>16</v>
      </c>
      <c r="G30" s="76" t="s">
        <v>366</v>
      </c>
      <c r="H30" s="67" t="s">
        <v>377</v>
      </c>
    </row>
    <row r="31" spans="1:8" ht="26.25" thickBot="1" x14ac:dyDescent="0.3">
      <c r="A31" s="145"/>
      <c r="B31" s="99" t="s">
        <v>67</v>
      </c>
      <c r="C31" s="76" t="s">
        <v>309</v>
      </c>
      <c r="D31" s="76" t="s">
        <v>307</v>
      </c>
      <c r="E31" s="76" t="s">
        <v>31</v>
      </c>
      <c r="F31" s="76" t="s">
        <v>16</v>
      </c>
      <c r="G31" s="76" t="s">
        <v>366</v>
      </c>
      <c r="H31" s="67" t="s">
        <v>378</v>
      </c>
    </row>
    <row r="32" spans="1:8" ht="25.5" x14ac:dyDescent="0.25">
      <c r="A32" s="145"/>
      <c r="B32" s="97" t="s">
        <v>71</v>
      </c>
      <c r="C32" s="62" t="s">
        <v>309</v>
      </c>
      <c r="D32" s="63" t="s">
        <v>233</v>
      </c>
      <c r="E32" s="62" t="s">
        <v>365</v>
      </c>
      <c r="F32" s="62" t="s">
        <v>16</v>
      </c>
      <c r="G32" s="62" t="s">
        <v>366</v>
      </c>
      <c r="H32" s="138" t="s">
        <v>379</v>
      </c>
    </row>
    <row r="33" spans="1:8" ht="15" x14ac:dyDescent="0.25">
      <c r="A33" s="145"/>
      <c r="B33" s="98"/>
      <c r="C33" s="64"/>
      <c r="D33" s="63" t="s">
        <v>234</v>
      </c>
      <c r="E33" s="64"/>
      <c r="F33" s="64"/>
      <c r="G33" s="64"/>
      <c r="H33" s="139"/>
    </row>
    <row r="34" spans="1:8" ht="15" x14ac:dyDescent="0.25">
      <c r="A34" s="145"/>
      <c r="B34" s="98"/>
      <c r="C34" s="64"/>
      <c r="D34" s="63" t="s">
        <v>235</v>
      </c>
      <c r="E34" s="64"/>
      <c r="F34" s="64"/>
      <c r="G34" s="64"/>
      <c r="H34" s="139"/>
    </row>
    <row r="35" spans="1:8" ht="15" x14ac:dyDescent="0.25">
      <c r="A35" s="145"/>
      <c r="B35" s="98"/>
      <c r="C35" s="64"/>
      <c r="D35" s="63" t="s">
        <v>236</v>
      </c>
      <c r="E35" s="64"/>
      <c r="F35" s="64"/>
      <c r="G35" s="64"/>
      <c r="H35" s="139"/>
    </row>
    <row r="36" spans="1:8" ht="15" x14ac:dyDescent="0.25">
      <c r="A36" s="145"/>
      <c r="B36" s="98"/>
      <c r="C36" s="64"/>
      <c r="D36" s="63" t="s">
        <v>237</v>
      </c>
      <c r="E36" s="64"/>
      <c r="F36" s="64"/>
      <c r="G36" s="64"/>
      <c r="H36" s="139"/>
    </row>
    <row r="37" spans="1:8" ht="15" x14ac:dyDescent="0.25">
      <c r="A37" s="145"/>
      <c r="B37" s="98"/>
      <c r="C37" s="64"/>
      <c r="D37" s="63" t="s">
        <v>238</v>
      </c>
      <c r="E37" s="64"/>
      <c r="F37" s="64"/>
      <c r="G37" s="64"/>
      <c r="H37" s="139"/>
    </row>
    <row r="38" spans="1:8" thickBot="1" x14ac:dyDescent="0.3">
      <c r="A38" s="146"/>
      <c r="B38" s="99"/>
      <c r="C38" s="66"/>
      <c r="D38" s="76" t="s">
        <v>239</v>
      </c>
      <c r="E38" s="66"/>
      <c r="F38" s="66"/>
      <c r="G38" s="66"/>
      <c r="H38" s="140"/>
    </row>
    <row r="39" spans="1:8" ht="15" x14ac:dyDescent="0.25">
      <c r="A39" s="144" t="s">
        <v>380</v>
      </c>
      <c r="B39" s="97" t="s">
        <v>381</v>
      </c>
      <c r="C39" s="62" t="s">
        <v>241</v>
      </c>
      <c r="D39" s="77" t="s">
        <v>242</v>
      </c>
      <c r="E39" s="62" t="s">
        <v>59</v>
      </c>
      <c r="F39" s="62" t="s">
        <v>380</v>
      </c>
      <c r="G39" s="77" t="s">
        <v>358</v>
      </c>
      <c r="H39" s="138" t="s">
        <v>382</v>
      </c>
    </row>
    <row r="40" spans="1:8" ht="15" x14ac:dyDescent="0.25">
      <c r="A40" s="145"/>
      <c r="B40" s="98"/>
      <c r="C40" s="64"/>
      <c r="D40" s="65" t="s">
        <v>243</v>
      </c>
      <c r="E40" s="64"/>
      <c r="F40" s="64"/>
      <c r="G40" s="63" t="s">
        <v>383</v>
      </c>
      <c r="H40" s="139"/>
    </row>
    <row r="41" spans="1:8" ht="15" x14ac:dyDescent="0.25">
      <c r="A41" s="145"/>
      <c r="B41" s="98"/>
      <c r="C41" s="64"/>
      <c r="D41" s="65" t="s">
        <v>244</v>
      </c>
      <c r="E41" s="64"/>
      <c r="F41" s="64"/>
      <c r="G41" s="63"/>
      <c r="H41" s="139"/>
    </row>
    <row r="42" spans="1:8" ht="15" x14ac:dyDescent="0.25">
      <c r="A42" s="145"/>
      <c r="B42" s="98"/>
      <c r="C42" s="64"/>
      <c r="D42" s="65" t="s">
        <v>245</v>
      </c>
      <c r="E42" s="64"/>
      <c r="F42" s="64"/>
      <c r="G42" s="63"/>
      <c r="H42" s="139"/>
    </row>
    <row r="43" spans="1:8" ht="15" x14ac:dyDescent="0.25">
      <c r="A43" s="145"/>
      <c r="B43" s="98"/>
      <c r="C43" s="64"/>
      <c r="D43" s="65" t="s">
        <v>246</v>
      </c>
      <c r="E43" s="64"/>
      <c r="F43" s="64"/>
      <c r="G43" s="63"/>
      <c r="H43" s="139"/>
    </row>
    <row r="44" spans="1:8" ht="15" x14ac:dyDescent="0.25">
      <c r="A44" s="145"/>
      <c r="B44" s="98"/>
      <c r="C44" s="64"/>
      <c r="D44" s="65" t="s">
        <v>247</v>
      </c>
      <c r="E44" s="64"/>
      <c r="F44" s="64"/>
      <c r="G44" s="63"/>
      <c r="H44" s="139"/>
    </row>
    <row r="45" spans="1:8" thickBot="1" x14ac:dyDescent="0.3">
      <c r="A45" s="145"/>
      <c r="B45" s="99"/>
      <c r="C45" s="66"/>
      <c r="D45" s="67" t="s">
        <v>248</v>
      </c>
      <c r="E45" s="66"/>
      <c r="F45" s="66"/>
      <c r="G45" s="76"/>
      <c r="H45" s="140"/>
    </row>
    <row r="46" spans="1:8" ht="15" x14ac:dyDescent="0.25">
      <c r="A46" s="145"/>
      <c r="B46" s="97" t="s">
        <v>384</v>
      </c>
      <c r="C46" s="62" t="s">
        <v>241</v>
      </c>
      <c r="D46" s="78" t="s">
        <v>249</v>
      </c>
      <c r="E46" s="62" t="s">
        <v>59</v>
      </c>
      <c r="F46" s="62" t="s">
        <v>380</v>
      </c>
      <c r="G46" s="79" t="s">
        <v>385</v>
      </c>
      <c r="H46" s="138" t="s">
        <v>382</v>
      </c>
    </row>
    <row r="47" spans="1:8" ht="15" x14ac:dyDescent="0.25">
      <c r="A47" s="145"/>
      <c r="B47" s="98"/>
      <c r="C47" s="64"/>
      <c r="D47" s="80" t="s">
        <v>250</v>
      </c>
      <c r="E47" s="64"/>
      <c r="F47" s="64"/>
      <c r="G47" s="81"/>
      <c r="H47" s="139"/>
    </row>
    <row r="48" spans="1:8" ht="15" x14ac:dyDescent="0.25">
      <c r="A48" s="145"/>
      <c r="B48" s="98"/>
      <c r="C48" s="64"/>
      <c r="D48" s="80" t="s">
        <v>244</v>
      </c>
      <c r="E48" s="64"/>
      <c r="F48" s="64"/>
      <c r="G48" s="81"/>
      <c r="H48" s="139"/>
    </row>
    <row r="49" spans="1:8" ht="15" x14ac:dyDescent="0.25">
      <c r="A49" s="145"/>
      <c r="B49" s="98"/>
      <c r="C49" s="64"/>
      <c r="D49" s="80" t="s">
        <v>245</v>
      </c>
      <c r="E49" s="64"/>
      <c r="F49" s="64"/>
      <c r="G49" s="81"/>
      <c r="H49" s="139"/>
    </row>
    <row r="50" spans="1:8" ht="15" x14ac:dyDescent="0.25">
      <c r="A50" s="145"/>
      <c r="B50" s="98"/>
      <c r="C50" s="64"/>
      <c r="D50" s="80" t="s">
        <v>246</v>
      </c>
      <c r="E50" s="64"/>
      <c r="F50" s="64"/>
      <c r="G50" s="81"/>
      <c r="H50" s="139"/>
    </row>
    <row r="51" spans="1:8" ht="15" x14ac:dyDescent="0.25">
      <c r="A51" s="145"/>
      <c r="B51" s="98"/>
      <c r="C51" s="64"/>
      <c r="D51" s="80" t="s">
        <v>247</v>
      </c>
      <c r="E51" s="64"/>
      <c r="F51" s="64"/>
      <c r="G51" s="81"/>
      <c r="H51" s="139"/>
    </row>
    <row r="52" spans="1:8" thickBot="1" x14ac:dyDescent="0.3">
      <c r="A52" s="145"/>
      <c r="B52" s="99"/>
      <c r="C52" s="66"/>
      <c r="D52" s="82" t="s">
        <v>248</v>
      </c>
      <c r="E52" s="66"/>
      <c r="F52" s="66"/>
      <c r="G52" s="83"/>
      <c r="H52" s="140"/>
    </row>
    <row r="53" spans="1:8" ht="15" x14ac:dyDescent="0.25">
      <c r="A53" s="145"/>
      <c r="B53" s="97" t="s">
        <v>386</v>
      </c>
      <c r="C53" s="62" t="s">
        <v>241</v>
      </c>
      <c r="D53" s="78" t="s">
        <v>251</v>
      </c>
      <c r="E53" s="62" t="s">
        <v>59</v>
      </c>
      <c r="F53" s="62" t="s">
        <v>380</v>
      </c>
      <c r="G53" s="79" t="s">
        <v>385</v>
      </c>
      <c r="H53" s="138" t="s">
        <v>382</v>
      </c>
    </row>
    <row r="54" spans="1:8" ht="15" x14ac:dyDescent="0.25">
      <c r="A54" s="145"/>
      <c r="B54" s="98"/>
      <c r="C54" s="64"/>
      <c r="D54" s="80" t="s">
        <v>252</v>
      </c>
      <c r="E54" s="64"/>
      <c r="F54" s="64"/>
      <c r="G54" s="81"/>
      <c r="H54" s="139"/>
    </row>
    <row r="55" spans="1:8" ht="15" x14ac:dyDescent="0.25">
      <c r="A55" s="145"/>
      <c r="B55" s="98"/>
      <c r="C55" s="64"/>
      <c r="D55" s="80" t="s">
        <v>253</v>
      </c>
      <c r="E55" s="64"/>
      <c r="F55" s="64"/>
      <c r="G55" s="81"/>
      <c r="H55" s="139"/>
    </row>
    <row r="56" spans="1:8" ht="15" x14ac:dyDescent="0.25">
      <c r="A56" s="145"/>
      <c r="B56" s="98"/>
      <c r="C56" s="64"/>
      <c r="D56" s="80" t="s">
        <v>254</v>
      </c>
      <c r="E56" s="64"/>
      <c r="F56" s="64"/>
      <c r="G56" s="81"/>
      <c r="H56" s="139"/>
    </row>
    <row r="57" spans="1:8" ht="15" x14ac:dyDescent="0.25">
      <c r="A57" s="145"/>
      <c r="B57" s="98"/>
      <c r="C57" s="64"/>
      <c r="D57" s="80" t="s">
        <v>255</v>
      </c>
      <c r="E57" s="64"/>
      <c r="F57" s="64"/>
      <c r="G57" s="81"/>
      <c r="H57" s="139"/>
    </row>
    <row r="58" spans="1:8" ht="15" x14ac:dyDescent="0.25">
      <c r="A58" s="145"/>
      <c r="B58" s="98"/>
      <c r="C58" s="64"/>
      <c r="D58" s="80" t="s">
        <v>256</v>
      </c>
      <c r="E58" s="64"/>
      <c r="F58" s="64"/>
      <c r="G58" s="81"/>
      <c r="H58" s="139"/>
    </row>
    <row r="59" spans="1:8" thickBot="1" x14ac:dyDescent="0.3">
      <c r="A59" s="145"/>
      <c r="B59" s="99"/>
      <c r="C59" s="66"/>
      <c r="D59" s="82" t="s">
        <v>257</v>
      </c>
      <c r="E59" s="66"/>
      <c r="F59" s="66"/>
      <c r="G59" s="83"/>
      <c r="H59" s="140"/>
    </row>
    <row r="60" spans="1:8" ht="15" x14ac:dyDescent="0.25">
      <c r="A60" s="145"/>
      <c r="B60" s="97" t="s">
        <v>387</v>
      </c>
      <c r="C60" s="62" t="s">
        <v>241</v>
      </c>
      <c r="D60" s="78" t="s">
        <v>258</v>
      </c>
      <c r="E60" s="62" t="s">
        <v>59</v>
      </c>
      <c r="F60" s="62" t="s">
        <v>380</v>
      </c>
      <c r="G60" s="62" t="s">
        <v>388</v>
      </c>
      <c r="H60" s="138" t="s">
        <v>382</v>
      </c>
    </row>
    <row r="61" spans="1:8" ht="15" x14ac:dyDescent="0.25">
      <c r="A61" s="145"/>
      <c r="B61" s="98"/>
      <c r="C61" s="64"/>
      <c r="D61" s="80" t="s">
        <v>252</v>
      </c>
      <c r="E61" s="64"/>
      <c r="F61" s="64"/>
      <c r="G61" s="64"/>
      <c r="H61" s="139"/>
    </row>
    <row r="62" spans="1:8" ht="15" x14ac:dyDescent="0.25">
      <c r="A62" s="145"/>
      <c r="B62" s="98"/>
      <c r="C62" s="64"/>
      <c r="D62" s="80" t="s">
        <v>253</v>
      </c>
      <c r="E62" s="64"/>
      <c r="F62" s="64"/>
      <c r="G62" s="64"/>
      <c r="H62" s="139"/>
    </row>
    <row r="63" spans="1:8" ht="15" x14ac:dyDescent="0.25">
      <c r="A63" s="145"/>
      <c r="B63" s="98"/>
      <c r="C63" s="64"/>
      <c r="D63" s="80" t="s">
        <v>254</v>
      </c>
      <c r="E63" s="64"/>
      <c r="F63" s="64"/>
      <c r="G63" s="64"/>
      <c r="H63" s="139"/>
    </row>
    <row r="64" spans="1:8" ht="15" x14ac:dyDescent="0.25">
      <c r="A64" s="145"/>
      <c r="B64" s="98"/>
      <c r="C64" s="64"/>
      <c r="D64" s="80" t="s">
        <v>255</v>
      </c>
      <c r="E64" s="64"/>
      <c r="F64" s="64"/>
      <c r="G64" s="64"/>
      <c r="H64" s="139"/>
    </row>
    <row r="65" spans="1:8" ht="15" x14ac:dyDescent="0.25">
      <c r="A65" s="145"/>
      <c r="B65" s="98"/>
      <c r="C65" s="64"/>
      <c r="D65" s="80" t="s">
        <v>256</v>
      </c>
      <c r="E65" s="64"/>
      <c r="F65" s="64"/>
      <c r="G65" s="64"/>
      <c r="H65" s="139"/>
    </row>
    <row r="66" spans="1:8" thickBot="1" x14ac:dyDescent="0.3">
      <c r="A66" s="145"/>
      <c r="B66" s="99"/>
      <c r="C66" s="66"/>
      <c r="D66" s="67" t="s">
        <v>259</v>
      </c>
      <c r="E66" s="66"/>
      <c r="F66" s="66"/>
      <c r="G66" s="66"/>
      <c r="H66" s="140"/>
    </row>
    <row r="67" spans="1:8" ht="25.5" x14ac:dyDescent="0.25">
      <c r="A67" s="145"/>
      <c r="B67" s="103" t="s">
        <v>389</v>
      </c>
      <c r="C67" s="62" t="s">
        <v>260</v>
      </c>
      <c r="D67" s="63" t="s">
        <v>261</v>
      </c>
      <c r="E67" s="62" t="s">
        <v>59</v>
      </c>
      <c r="F67" s="62" t="s">
        <v>390</v>
      </c>
      <c r="G67" s="79" t="s">
        <v>391</v>
      </c>
      <c r="H67" s="138" t="s">
        <v>392</v>
      </c>
    </row>
    <row r="68" spans="1:8" ht="15" x14ac:dyDescent="0.25">
      <c r="A68" s="145"/>
      <c r="B68" s="98"/>
      <c r="C68" s="64"/>
      <c r="D68" s="65" t="s">
        <v>252</v>
      </c>
      <c r="E68" s="64"/>
      <c r="F68" s="64"/>
      <c r="G68" s="81"/>
      <c r="H68" s="139"/>
    </row>
    <row r="69" spans="1:8" ht="15" x14ac:dyDescent="0.25">
      <c r="A69" s="145"/>
      <c r="B69" s="98"/>
      <c r="C69" s="64"/>
      <c r="D69" s="65" t="s">
        <v>253</v>
      </c>
      <c r="E69" s="64"/>
      <c r="F69" s="64"/>
      <c r="G69" s="81"/>
      <c r="H69" s="139"/>
    </row>
    <row r="70" spans="1:8" ht="15" x14ac:dyDescent="0.25">
      <c r="A70" s="145"/>
      <c r="B70" s="98"/>
      <c r="C70" s="64"/>
      <c r="D70" s="65" t="s">
        <v>254</v>
      </c>
      <c r="E70" s="64"/>
      <c r="F70" s="64"/>
      <c r="G70" s="81"/>
      <c r="H70" s="139"/>
    </row>
    <row r="71" spans="1:8" ht="15" x14ac:dyDescent="0.25">
      <c r="A71" s="145"/>
      <c r="B71" s="98"/>
      <c r="C71" s="64"/>
      <c r="D71" s="65" t="s">
        <v>255</v>
      </c>
      <c r="E71" s="64"/>
      <c r="F71" s="64"/>
      <c r="G71" s="81"/>
      <c r="H71" s="139"/>
    </row>
    <row r="72" spans="1:8" ht="15" x14ac:dyDescent="0.25">
      <c r="A72" s="145"/>
      <c r="B72" s="98"/>
      <c r="C72" s="64"/>
      <c r="D72" s="65" t="s">
        <v>256</v>
      </c>
      <c r="E72" s="64"/>
      <c r="F72" s="64"/>
      <c r="G72" s="81"/>
      <c r="H72" s="139"/>
    </row>
    <row r="73" spans="1:8" thickBot="1" x14ac:dyDescent="0.3">
      <c r="A73" s="146"/>
      <c r="B73" s="99"/>
      <c r="C73" s="66"/>
      <c r="D73" s="67" t="s">
        <v>259</v>
      </c>
      <c r="E73" s="66"/>
      <c r="F73" s="66"/>
      <c r="G73" s="83"/>
      <c r="H73" s="140"/>
    </row>
    <row r="74" spans="1:8" thickBot="1" x14ac:dyDescent="0.3">
      <c r="A74" s="144" t="s">
        <v>83</v>
      </c>
      <c r="B74" s="104" t="s">
        <v>84</v>
      </c>
      <c r="C74" s="85" t="s">
        <v>83</v>
      </c>
      <c r="D74" s="85" t="s">
        <v>336</v>
      </c>
      <c r="E74" s="85" t="s">
        <v>59</v>
      </c>
      <c r="F74" s="85" t="s">
        <v>390</v>
      </c>
      <c r="G74" s="85" t="s">
        <v>358</v>
      </c>
      <c r="H74" s="88"/>
    </row>
    <row r="75" spans="1:8" thickBot="1" x14ac:dyDescent="0.3">
      <c r="A75" s="145"/>
      <c r="B75" s="99" t="s">
        <v>86</v>
      </c>
      <c r="C75" s="76" t="s">
        <v>83</v>
      </c>
      <c r="D75" s="76" t="s">
        <v>178</v>
      </c>
      <c r="E75" s="76" t="s">
        <v>59</v>
      </c>
      <c r="F75" s="76" t="s">
        <v>390</v>
      </c>
      <c r="G75" s="76" t="s">
        <v>393</v>
      </c>
      <c r="H75" s="67"/>
    </row>
    <row r="76" spans="1:8" thickBot="1" x14ac:dyDescent="0.3">
      <c r="A76" s="145"/>
      <c r="B76" s="99" t="s">
        <v>89</v>
      </c>
      <c r="C76" s="76" t="s">
        <v>83</v>
      </c>
      <c r="D76" s="76" t="s">
        <v>346</v>
      </c>
      <c r="E76" s="76" t="s">
        <v>59</v>
      </c>
      <c r="F76" s="76" t="s">
        <v>390</v>
      </c>
      <c r="G76" s="76"/>
      <c r="H76" s="67"/>
    </row>
    <row r="77" spans="1:8" thickBot="1" x14ac:dyDescent="0.3">
      <c r="A77" s="146"/>
      <c r="B77" s="99" t="s">
        <v>92</v>
      </c>
      <c r="C77" s="76" t="s">
        <v>350</v>
      </c>
      <c r="D77" s="76" t="s">
        <v>348</v>
      </c>
      <c r="E77" s="76" t="s">
        <v>394</v>
      </c>
      <c r="F77" s="76" t="s">
        <v>373</v>
      </c>
      <c r="G77" s="76" t="s">
        <v>395</v>
      </c>
      <c r="H77" s="67"/>
    </row>
    <row r="78" spans="1:8" ht="26.25" thickBot="1" x14ac:dyDescent="0.3">
      <c r="A78" s="144" t="s">
        <v>118</v>
      </c>
      <c r="B78" s="105" t="s">
        <v>119</v>
      </c>
      <c r="C78" s="76" t="s">
        <v>339</v>
      </c>
      <c r="D78" s="76" t="s">
        <v>165</v>
      </c>
      <c r="E78" s="76" t="s">
        <v>59</v>
      </c>
      <c r="F78" s="76" t="s">
        <v>390</v>
      </c>
      <c r="G78" s="76" t="s">
        <v>125</v>
      </c>
      <c r="H78" s="67"/>
    </row>
    <row r="79" spans="1:8" thickBot="1" x14ac:dyDescent="0.3">
      <c r="A79" s="145"/>
      <c r="B79" s="99" t="s">
        <v>123</v>
      </c>
      <c r="C79" s="76" t="s">
        <v>339</v>
      </c>
      <c r="D79" s="76" t="s">
        <v>284</v>
      </c>
      <c r="E79" s="76" t="s">
        <v>396</v>
      </c>
      <c r="F79" s="76" t="s">
        <v>397</v>
      </c>
      <c r="G79" s="76" t="s">
        <v>125</v>
      </c>
      <c r="H79" s="67"/>
    </row>
    <row r="80" spans="1:8" ht="26.25" thickBot="1" x14ac:dyDescent="0.3">
      <c r="A80" s="145"/>
      <c r="B80" s="99" t="s">
        <v>127</v>
      </c>
      <c r="C80" s="76" t="s">
        <v>339</v>
      </c>
      <c r="D80" s="76" t="s">
        <v>351</v>
      </c>
      <c r="E80" s="76" t="s">
        <v>59</v>
      </c>
      <c r="F80" s="76" t="s">
        <v>397</v>
      </c>
      <c r="G80" s="76" t="s">
        <v>125</v>
      </c>
      <c r="H80" s="67"/>
    </row>
    <row r="81" spans="1:8" thickBot="1" x14ac:dyDescent="0.3">
      <c r="A81" s="145"/>
      <c r="B81" s="99" t="s">
        <v>131</v>
      </c>
      <c r="C81" s="76" t="s">
        <v>339</v>
      </c>
      <c r="D81" s="76" t="s">
        <v>352</v>
      </c>
      <c r="E81" s="76" t="s">
        <v>398</v>
      </c>
      <c r="F81" s="76" t="s">
        <v>397</v>
      </c>
      <c r="G81" s="76" t="s">
        <v>125</v>
      </c>
      <c r="H81" s="67"/>
    </row>
    <row r="82" spans="1:8" thickBot="1" x14ac:dyDescent="0.3">
      <c r="A82" s="145"/>
      <c r="B82" s="99" t="s">
        <v>135</v>
      </c>
      <c r="C82" s="76" t="s">
        <v>339</v>
      </c>
      <c r="D82" s="76" t="s">
        <v>399</v>
      </c>
      <c r="E82" s="76" t="s">
        <v>59</v>
      </c>
      <c r="F82" s="76" t="s">
        <v>397</v>
      </c>
      <c r="G82" s="76" t="s">
        <v>125</v>
      </c>
      <c r="H82" s="67"/>
    </row>
    <row r="83" spans="1:8" ht="26.25" thickBot="1" x14ac:dyDescent="0.3">
      <c r="A83" s="145"/>
      <c r="B83" s="99" t="s">
        <v>138</v>
      </c>
      <c r="C83" s="76" t="s">
        <v>341</v>
      </c>
      <c r="D83" s="76" t="s">
        <v>296</v>
      </c>
      <c r="E83" s="76" t="s">
        <v>59</v>
      </c>
      <c r="F83" s="76" t="s">
        <v>397</v>
      </c>
      <c r="G83" s="76" t="s">
        <v>125</v>
      </c>
      <c r="H83" s="67"/>
    </row>
    <row r="84" spans="1:8" ht="26.25" thickBot="1" x14ac:dyDescent="0.3">
      <c r="A84" s="145"/>
      <c r="B84" s="99" t="s">
        <v>141</v>
      </c>
      <c r="C84" s="76" t="s">
        <v>341</v>
      </c>
      <c r="D84" s="76" t="s">
        <v>340</v>
      </c>
      <c r="E84" s="76" t="s">
        <v>59</v>
      </c>
      <c r="F84" s="76" t="s">
        <v>397</v>
      </c>
      <c r="G84" s="76" t="s">
        <v>125</v>
      </c>
      <c r="H84" s="67"/>
    </row>
    <row r="85" spans="1:8" ht="26.25" thickBot="1" x14ac:dyDescent="0.3">
      <c r="A85" s="145"/>
      <c r="B85" s="99" t="s">
        <v>144</v>
      </c>
      <c r="C85" s="76" t="s">
        <v>344</v>
      </c>
      <c r="D85" s="76" t="s">
        <v>293</v>
      </c>
      <c r="E85" s="76" t="s">
        <v>59</v>
      </c>
      <c r="F85" s="76" t="s">
        <v>390</v>
      </c>
      <c r="G85" s="76" t="s">
        <v>358</v>
      </c>
      <c r="H85" s="67"/>
    </row>
    <row r="86" spans="1:8" ht="39" thickBot="1" x14ac:dyDescent="0.3">
      <c r="A86" s="145"/>
      <c r="B86" s="97" t="s">
        <v>147</v>
      </c>
      <c r="C86" s="62" t="s">
        <v>356</v>
      </c>
      <c r="D86" s="84" t="s">
        <v>354</v>
      </c>
      <c r="E86" s="62" t="s">
        <v>400</v>
      </c>
      <c r="F86" s="62" t="s">
        <v>397</v>
      </c>
      <c r="G86" s="84" t="s">
        <v>401</v>
      </c>
      <c r="H86" s="89"/>
    </row>
    <row r="87" spans="1:8" ht="15" x14ac:dyDescent="0.25">
      <c r="A87" s="145"/>
      <c r="B87" s="97" t="s">
        <v>149</v>
      </c>
      <c r="C87" s="62" t="s">
        <v>350</v>
      </c>
      <c r="D87" s="63" t="s">
        <v>357</v>
      </c>
      <c r="E87" s="62" t="s">
        <v>402</v>
      </c>
      <c r="F87" s="62" t="s">
        <v>397</v>
      </c>
      <c r="G87" s="78" t="s">
        <v>699</v>
      </c>
      <c r="H87" s="141"/>
    </row>
    <row r="88" spans="1:8" ht="25.5" x14ac:dyDescent="0.25">
      <c r="A88" s="145"/>
      <c r="B88" s="98"/>
      <c r="C88" s="64"/>
      <c r="D88" s="65" t="s">
        <v>700</v>
      </c>
      <c r="E88" s="64"/>
      <c r="F88" s="64"/>
      <c r="G88" s="63" t="s">
        <v>403</v>
      </c>
      <c r="H88" s="142"/>
    </row>
    <row r="89" spans="1:8" ht="25.5" x14ac:dyDescent="0.25">
      <c r="A89" s="145"/>
      <c r="B89" s="98"/>
      <c r="C89" s="64"/>
      <c r="D89" s="65" t="s">
        <v>701</v>
      </c>
      <c r="E89" s="64"/>
      <c r="F89" s="64"/>
      <c r="G89" s="63" t="s">
        <v>404</v>
      </c>
      <c r="H89" s="142"/>
    </row>
    <row r="90" spans="1:8" ht="25.5" x14ac:dyDescent="0.25">
      <c r="A90" s="145"/>
      <c r="B90" s="98"/>
      <c r="C90" s="64"/>
      <c r="D90" s="65" t="s">
        <v>702</v>
      </c>
      <c r="E90" s="64"/>
      <c r="F90" s="64"/>
      <c r="G90" s="63" t="s">
        <v>405</v>
      </c>
      <c r="H90" s="142"/>
    </row>
    <row r="91" spans="1:8" ht="38.25" x14ac:dyDescent="0.25">
      <c r="A91" s="145"/>
      <c r="B91" s="98"/>
      <c r="C91" s="64"/>
      <c r="D91" s="65" t="s">
        <v>703</v>
      </c>
      <c r="E91" s="64"/>
      <c r="F91" s="64"/>
      <c r="G91" s="63" t="s">
        <v>406</v>
      </c>
      <c r="H91" s="142"/>
    </row>
    <row r="92" spans="1:8" ht="38.25" x14ac:dyDescent="0.25">
      <c r="A92" s="145"/>
      <c r="B92" s="98"/>
      <c r="C92" s="64"/>
      <c r="D92" s="65" t="s">
        <v>704</v>
      </c>
      <c r="E92" s="64"/>
      <c r="F92" s="64"/>
      <c r="G92" s="63" t="s">
        <v>407</v>
      </c>
      <c r="H92" s="142"/>
    </row>
    <row r="93" spans="1:8" ht="25.5" x14ac:dyDescent="0.25">
      <c r="A93" s="145"/>
      <c r="B93" s="98"/>
      <c r="C93" s="64"/>
      <c r="D93" s="65" t="s">
        <v>705</v>
      </c>
      <c r="E93" s="64"/>
      <c r="F93" s="64"/>
      <c r="G93" s="63"/>
      <c r="H93" s="142"/>
    </row>
    <row r="94" spans="1:8" ht="39" thickBot="1" x14ac:dyDescent="0.3">
      <c r="A94" s="146"/>
      <c r="B94" s="99"/>
      <c r="C94" s="66"/>
      <c r="D94" s="67" t="s">
        <v>706</v>
      </c>
      <c r="E94" s="66"/>
      <c r="F94" s="66"/>
      <c r="G94" s="76"/>
      <c r="H94" s="143"/>
    </row>
    <row r="95" spans="1:8" x14ac:dyDescent="0.25">
      <c r="B95" s="106"/>
      <c r="C95" s="13"/>
      <c r="D95" s="13"/>
      <c r="E95" s="13"/>
      <c r="F95" s="13"/>
      <c r="G95" s="13"/>
      <c r="H95" s="90"/>
    </row>
    <row r="96" spans="1:8" x14ac:dyDescent="0.25">
      <c r="B96" s="106"/>
      <c r="C96" s="13"/>
      <c r="D96" s="13"/>
      <c r="E96" s="13"/>
      <c r="F96" s="13"/>
      <c r="G96" s="13"/>
      <c r="H96" s="90"/>
    </row>
    <row r="97" spans="2:8" x14ac:dyDescent="0.25">
      <c r="B97" s="107"/>
      <c r="C97" s="13"/>
      <c r="D97" s="13"/>
      <c r="E97" s="13"/>
      <c r="F97" s="13"/>
      <c r="G97" s="13"/>
      <c r="H97" s="90"/>
    </row>
    <row r="98" spans="2:8" x14ac:dyDescent="0.25">
      <c r="B98" s="106"/>
      <c r="C98" s="13"/>
      <c r="D98" s="13"/>
      <c r="E98" s="13"/>
      <c r="F98" s="13"/>
      <c r="G98" s="13"/>
      <c r="H98" s="90"/>
    </row>
    <row r="99" spans="2:8" x14ac:dyDescent="0.25">
      <c r="B99" s="107"/>
      <c r="C99" s="13"/>
      <c r="D99" s="13"/>
      <c r="E99" s="13"/>
      <c r="F99" s="13"/>
      <c r="G99" s="13"/>
      <c r="H99" s="90"/>
    </row>
    <row r="100" spans="2:8" x14ac:dyDescent="0.25">
      <c r="B100" s="107"/>
      <c r="C100" s="13"/>
      <c r="D100" s="13"/>
      <c r="E100" s="13"/>
      <c r="F100" s="13"/>
      <c r="G100" s="13"/>
      <c r="H100" s="90"/>
    </row>
    <row r="101" spans="2:8" x14ac:dyDescent="0.25">
      <c r="B101" s="106"/>
      <c r="C101" s="13"/>
      <c r="D101" s="13"/>
      <c r="E101" s="13"/>
      <c r="F101" s="13"/>
      <c r="G101" s="13"/>
      <c r="H101" s="90"/>
    </row>
    <row r="102" spans="2:8" x14ac:dyDescent="0.25">
      <c r="B102" s="106"/>
      <c r="C102" s="13"/>
      <c r="D102" s="13"/>
      <c r="E102" s="13"/>
      <c r="F102" s="13"/>
      <c r="G102" s="13"/>
      <c r="H102" s="90"/>
    </row>
    <row r="103" spans="2:8" x14ac:dyDescent="0.25">
      <c r="B103" s="106"/>
      <c r="C103" s="13"/>
      <c r="D103" s="13"/>
      <c r="E103" s="13"/>
      <c r="F103" s="13"/>
      <c r="G103" s="13"/>
      <c r="H103" s="90"/>
    </row>
    <row r="104" spans="2:8" x14ac:dyDescent="0.25">
      <c r="B104" s="106"/>
      <c r="C104" s="13"/>
      <c r="D104" s="13"/>
      <c r="E104" s="13"/>
      <c r="F104" s="13"/>
      <c r="G104" s="13"/>
      <c r="H104" s="90"/>
    </row>
    <row r="105" spans="2:8" x14ac:dyDescent="0.25">
      <c r="B105" s="106"/>
      <c r="C105" s="13"/>
      <c r="D105" s="13"/>
      <c r="E105" s="13"/>
      <c r="F105" s="13"/>
      <c r="G105" s="13"/>
      <c r="H105" s="90"/>
    </row>
    <row r="106" spans="2:8" x14ac:dyDescent="0.25">
      <c r="B106" s="106"/>
      <c r="C106" s="13"/>
      <c r="D106" s="13"/>
      <c r="E106" s="13"/>
      <c r="F106" s="13"/>
      <c r="G106" s="13"/>
      <c r="H106" s="90"/>
    </row>
  </sheetData>
  <mergeCells count="16">
    <mergeCell ref="A3:A25"/>
    <mergeCell ref="H3:H5"/>
    <mergeCell ref="H7:H12"/>
    <mergeCell ref="H17:H23"/>
    <mergeCell ref="H26:H29"/>
    <mergeCell ref="H87:H94"/>
    <mergeCell ref="A78:A94"/>
    <mergeCell ref="A74:A77"/>
    <mergeCell ref="A39:A73"/>
    <mergeCell ref="A26:A38"/>
    <mergeCell ref="H32:H38"/>
    <mergeCell ref="H39:H45"/>
    <mergeCell ref="H46:H52"/>
    <mergeCell ref="H53:H59"/>
    <mergeCell ref="H60:H66"/>
    <mergeCell ref="H67:H73"/>
  </mergeCells>
  <hyperlinks>
    <hyperlink ref="G8" r:id="rId1" display="https://www.regjeringen.no/no/dokumenter/nou-2010-10/id624355/" xr:uid="{24E15FEA-39BB-4809-9396-789859CC5FB4}"/>
    <hyperlink ref="G9" r:id="rId2" display="https://www.regjeringen.no/no/dokumenter/nou-2010-10-2/id668985/?q=2010" xr:uid="{9FC163E5-ECEA-4B8A-8F00-28E8FB74A619}"/>
    <hyperlink ref="G46" r:id="rId3" display="https://www.nve.no/flaum-og-skred/kartlegging/faresonekart-kommuner/" xr:uid="{6776921D-2BC6-44CD-82C1-E061D9FFFC56}"/>
    <hyperlink ref="G53" r:id="rId4" display="https://www.nve.no/flaum-og-skred/kartlegging/faresonekart-kommuner/" xr:uid="{1993F2D3-0936-4293-B819-237F7B585809}"/>
    <hyperlink ref="G67" r:id="rId5" display="https://temakart.nve.no/tema/sikringstiltak" xr:uid="{FA52500D-E852-4C89-8655-D5AA812E94DD}"/>
  </hyperlinks>
  <pageMargins left="0.7" right="0.7" top="0.75" bottom="0.75" header="0.3" footer="0.3"/>
  <pageSetup orientation="portrait" r:id="rId6"/>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SINTEF-Blank spreadsheet","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CorpSiteZipContact xmlns="8bbd4995-53b7-43e2-b62f-10947586ac31" xsi:nil="true"/>
    <CorpSiteProjectLeader xmlns="8bbd4995-53b7-43e2-b62f-10947586ac31">
      <UserInfo>
        <DisplayName/>
        <AccountId xsi:nil="true"/>
        <AccountType/>
      </UserInfo>
    </CorpSiteProjectLeader>
    <CorpSiteSubTitle xmlns="8bbd4995-53b7-43e2-b62f-10947586ac31" xsi:nil="true"/>
    <CorpSiteTags xmlns="8bbd4995-53b7-43e2-b62f-10947586ac31" xsi:nil="true"/>
    <CorpSiteISBN xmlns="8bbd4995-53b7-43e2-b62f-10947586ac31" xsi:nil="true"/>
    <CorpWorkflowFeedback xmlns="8bbd4995-53b7-43e2-b62f-10947586ac31" xsi:nil="true"/>
    <CorpSiteAccess xmlns="8bbd4995-53b7-43e2-b62f-10947586ac31">Kun navngitte medlemmer</CorpSiteAccess>
    <CorpSiteRecipientPerson xmlns="8bbd4995-53b7-43e2-b62f-10947586ac31" xsi:nil="true"/>
    <lcf76f155ced4ddcb4097134ff3c332f xmlns="1edf0c46-a6f9-4131-a921-71012b14023b">
      <Terms xmlns="http://schemas.microsoft.com/office/infopath/2007/PartnerControls"/>
    </lcf76f155ced4ddcb4097134ff3c332f>
    <CorpSiteProjectNumber xmlns="8bbd4995-53b7-43e2-b62f-10947586ac31" xsi:nil="true"/>
    <CorpSiteProjectName xmlns="8bbd4995-53b7-43e2-b62f-10947586ac31" xsi:nil="true"/>
    <CorpDocInstitute xmlns="8bbd4995-53b7-43e2-b62f-10947586ac31" xsi:nil="true"/>
    <CorpSiteInstitutePhone xmlns="8bbd4995-53b7-43e2-b62f-10947586ac31" xsi:nil="true"/>
    <TaxCatchAll xmlns="04038120-c57d-4ff0-a062-b50bf46d05c8" xsi:nil="true"/>
    <CorpWorkflowStatus xmlns="8bbd4995-53b7-43e2-b62f-10947586ac31" xsi:nil="true"/>
    <CorpSiteProjectOwner xmlns="8bbd4995-53b7-43e2-b62f-10947586ac31">
      <UserInfo>
        <DisplayName/>
        <AccountId xsi:nil="true"/>
        <AccountType/>
      </UserInfo>
    </CorpSiteProjectOwner>
    <CorpDocPageClassificationNbNo xmlns="8bbd4995-53b7-43e2-b62f-10947586ac31">Åpen</CorpDocPageClassificationNbNo>
    <CorpDocClassificationEnUs xmlns="8bbd4995-53b7-43e2-b62f-10947586ac31">Unrestricted</CorpDocClassificationEnUs>
    <CorpDocClassificationNbNo xmlns="8bbd4995-53b7-43e2-b62f-10947586ac31">Åpen</CorpDocClassificationNbNo>
    <CorpSiteClassification xmlns="8bbd4995-53b7-43e2-b62f-10947586ac31">Åpen</CorpSiteClassification>
    <CorpSiteInstituteEmail xmlns="8bbd4995-53b7-43e2-b62f-10947586ac31" xsi:nil="true"/>
    <CorpSiteCoAuthors xmlns="8bbd4995-53b7-43e2-b62f-10947586ac31" xsi:nil="true"/>
    <CorpSiteDocumentAuthor xmlns="8bbd4995-53b7-43e2-b62f-10947586ac31">
      <UserInfo>
        <DisplayName/>
        <AccountId xsi:nil="true"/>
        <AccountType/>
      </UserInfo>
    </CorpSiteDocumentAuthor>
    <CorpSiteInstituteEnUs xmlns="8bbd4995-53b7-43e2-b62f-10947586ac31" xsi:nil="true"/>
    <CorpSiteRecipientCompany xmlns="8bbd4995-53b7-43e2-b62f-10947586ac31" xsi:nil="true"/>
    <CorpSiteDocLanguage xmlns="8bbd4995-53b7-43e2-b62f-10947586ac31" xsi:nil="true"/>
    <CorpDocVersion xmlns="8bbd4995-53b7-43e2-b62f-10947586ac31" xsi:nil="true"/>
    <CorpWorkflowApproval xmlns="8bbd4995-53b7-43e2-b62f-10947586ac31" xsi:nil="true"/>
    <ArchiveStatus xmlns="8bbd4995-53b7-43e2-b62f-10947586ac31" xsi:nil="true"/>
    <CorpSiteProjectQA xmlns="8bbd4995-53b7-43e2-b62f-10947586ac31">
      <UserInfo>
        <DisplayName/>
        <AccountId xsi:nil="true"/>
        <AccountType/>
      </UserInfo>
    </CorpSiteProjectQA>
    <CorpSiteZipAddress xmlns="8bbd4995-53b7-43e2-b62f-10947586ac31" xsi:nil="true"/>
    <CorpSiteVATNumber xmlns="8bbd4995-53b7-43e2-b62f-10947586ac31" xsi:nil="true"/>
    <CorpSiteReportNumber xmlns="8bbd4995-53b7-43e2-b62f-10947586ac31" xsi:nil="true"/>
    <CorpSiteOurRef xmlns="8bbd4995-53b7-43e2-b62f-10947586ac31" xsi:nil="true"/>
    <CorpDocPageClassificationEnUs xmlns="8bbd4995-53b7-43e2-b62f-10947586ac31">Unrestricted</CorpDocPageClassificationEnUs>
    <CorpSiteMainAuthors xmlns="8bbd4995-53b7-43e2-b62f-10947586ac31" xsi:nil="true"/>
    <CorpDocumentDate xmlns="8bbd4995-53b7-43e2-b62f-10947586ac31"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Generic document" ma:contentTypeID="0x01010031B82B69D2361148B4D8F7EC1568021308007124C8E6565C7B4285F6E2D4A61A8761" ma:contentTypeVersion="52" ma:contentTypeDescription="Opprett et nytt dokument." ma:contentTypeScope="" ma:versionID="e901c2309709ed21ece5999059989340">
  <xsd:schema xmlns:xsd="http://www.w3.org/2001/XMLSchema" xmlns:xs="http://www.w3.org/2001/XMLSchema" xmlns:p="http://schemas.microsoft.com/office/2006/metadata/properties" xmlns:ns2="8bbd4995-53b7-43e2-b62f-10947586ac31" xmlns:ns3="1edf0c46-a6f9-4131-a921-71012b14023b" xmlns:ns4="04038120-c57d-4ff0-a062-b50bf46d05c8" targetNamespace="http://schemas.microsoft.com/office/2006/metadata/properties" ma:root="true" ma:fieldsID="b36dcd0c9fa2580fc08d409efb1a890c" ns2:_="" ns3:_="" ns4:_="">
    <xsd:import namespace="8bbd4995-53b7-43e2-b62f-10947586ac31"/>
    <xsd:import namespace="1edf0c46-a6f9-4131-a921-71012b14023b"/>
    <xsd:import namespace="04038120-c57d-4ff0-a062-b50bf46d05c8"/>
    <xsd:element name="properties">
      <xsd:complexType>
        <xsd:sequence>
          <xsd:element name="documentManagement">
            <xsd:complexType>
              <xsd:all>
                <xsd:element ref="ns2:CorpWorkflowStatus" minOccurs="0"/>
                <xsd:element ref="ns2:CorpSiteSubTitle" minOccurs="0"/>
                <xsd:element ref="ns2:CorpSiteAccess" minOccurs="0"/>
                <xsd:element ref="ns2:CorpSiteClassification" minOccurs="0"/>
                <xsd:element ref="ns2:CorpSiteTags" minOccurs="0"/>
                <xsd:element ref="ns2:CorpSiteReportNumber" minOccurs="0"/>
                <xsd:element ref="ns2:CorpSiteISBN" minOccurs="0"/>
                <xsd:element ref="ns2:CorpSiteMainAuthors" minOccurs="0"/>
                <xsd:element ref="ns2:CorpSiteCoAuthors" minOccurs="0"/>
                <xsd:element ref="ns2:CorpSiteRecipientCompany" minOccurs="0"/>
                <xsd:element ref="ns2:CorpSiteRecipientPerson" minOccurs="0"/>
                <xsd:element ref="ns2:CorpSiteOurRef" minOccurs="0"/>
                <xsd:element ref="ns2:CorpSiteZipAddress" minOccurs="0"/>
                <xsd:element ref="ns2:CorpSiteZipContact" minOccurs="0"/>
                <xsd:element ref="ns2:CorpSiteVATNumber" minOccurs="0"/>
                <xsd:element ref="ns2:CorpSiteInstituteEmail" minOccurs="0"/>
                <xsd:element ref="ns2:CorpDocPageClassificationNbNo" minOccurs="0"/>
                <xsd:element ref="ns2:CorpDocClassificationEnUs" minOccurs="0"/>
                <xsd:element ref="ns2:CorpDocPageClassificationEnUs" minOccurs="0"/>
                <xsd:element ref="ns2:CorpDocClassificationNbNo" minOccurs="0"/>
                <xsd:element ref="ns2:CorpSiteInstituteEnUs" minOccurs="0"/>
                <xsd:element ref="ns2:CorpSiteInstitutePhone" minOccurs="0"/>
                <xsd:element ref="ns2:CorpSiteDocLanguage" minOccurs="0"/>
                <xsd:element ref="ns2:CorpDocInstitute" minOccurs="0"/>
                <xsd:element ref="ns2:CorpDocVersion" minOccurs="0"/>
                <xsd:element ref="ns2:CorpSiteDocumentAuthor" minOccurs="0"/>
                <xsd:element ref="ns2:CorpSiteProjectQA" minOccurs="0"/>
                <xsd:element ref="ns2:CorpSiteProjectOwner" minOccurs="0"/>
                <xsd:element ref="ns2:CorpSiteProjectLeader" minOccurs="0"/>
                <xsd:element ref="ns2:ArchiveStatus" minOccurs="0"/>
                <xsd:element ref="ns2:CorpWorkflowFeedback" minOccurs="0"/>
                <xsd:element ref="ns2:CorpSiteProjectNumber" minOccurs="0"/>
                <xsd:element ref="ns2:CorpSiteProjectName" minOccurs="0"/>
                <xsd:element ref="ns3:MediaServiceMetadata" minOccurs="0"/>
                <xsd:element ref="ns3:MediaServiceFastMetadata" minOccurs="0"/>
                <xsd:element ref="ns4:SharedWithUsers" minOccurs="0"/>
                <xsd:element ref="ns4:SharedWithDetails" minOccurs="0"/>
                <xsd:element ref="ns3:MediaServiceAutoTags" minOccurs="0"/>
                <xsd:element ref="ns3:MediaServiceOCR" minOccurs="0"/>
                <xsd:element ref="ns3:MediaServiceGenerationTime" minOccurs="0"/>
                <xsd:element ref="ns3:MediaServiceEventHashCode" minOccurs="0"/>
                <xsd:element ref="ns3:MediaServiceAutoKeyPoints" minOccurs="0"/>
                <xsd:element ref="ns3:MediaServiceKeyPoints" minOccurs="0"/>
                <xsd:element ref="ns3:lcf76f155ced4ddcb4097134ff3c332f" minOccurs="0"/>
                <xsd:element ref="ns4:TaxCatchAll" minOccurs="0"/>
                <xsd:element ref="ns3:MediaServiceObjectDetectorVersions" minOccurs="0"/>
                <xsd:element ref="ns3:MediaServiceDateTaken" minOccurs="0"/>
                <xsd:element ref="ns3:MediaServiceSearchProperties" minOccurs="0"/>
                <xsd:element ref="ns2:CorpWorkflowApproval" minOccurs="0"/>
                <xsd:element ref="ns2:CorpDocumentDa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bbd4995-53b7-43e2-b62f-10947586ac31" elementFormDefault="qualified">
    <xsd:import namespace="http://schemas.microsoft.com/office/2006/documentManagement/types"/>
    <xsd:import namespace="http://schemas.microsoft.com/office/infopath/2007/PartnerControls"/>
    <xsd:element name="CorpWorkflowStatus" ma:index="2" nillable="true" ma:displayName="Status arbeidsflyt" ma:internalName="CorpWorkflowStatus">
      <xsd:simpleType>
        <xsd:restriction base="dms:Text">
          <xsd:maxLength value="255"/>
        </xsd:restriction>
      </xsd:simpleType>
    </xsd:element>
    <xsd:element name="CorpSiteSubTitle" ma:index="3" nillable="true" ma:displayName="Undertittel" ma:internalName="CorpSiteSubTitle">
      <xsd:simpleType>
        <xsd:restriction base="dms:Text">
          <xsd:maxLength value="255"/>
        </xsd:restriction>
      </xsd:simpleType>
    </xsd:element>
    <xsd:element name="CorpSiteAccess" ma:index="4" nillable="true" ma:displayName="Lesetilgang" ma:default="Kun navngitte medlemmer" ma:format="Dropdown" ma:internalName="CorpSiteAccess">
      <xsd:simpleType>
        <xsd:restriction base="dms:Choice">
          <xsd:enumeration value="Kun navngitte medlemmer"/>
          <xsd:enumeration value="SINTEF"/>
          <xsd:enumeration value="Institutt"/>
          <xsd:enumeration value="Avdeling"/>
          <xsd:maxLength value="255"/>
        </xsd:restriction>
      </xsd:simpleType>
    </xsd:element>
    <xsd:element name="CorpSiteClassification" ma:index="5" nillable="true" ma:displayName="Gradering" ma:default="Åpen" ma:internalName="CorpSiteClassification">
      <xsd:simpleType>
        <xsd:restriction base="dms:Choice">
          <xsd:enumeration value="Åpen"/>
          <xsd:enumeration value="Fortrolig"/>
          <xsd:enumeration value="Strengt fortrolig"/>
          <xsd:maxLength value="255"/>
        </xsd:restriction>
      </xsd:simpleType>
    </xsd:element>
    <xsd:element name="CorpSiteTags" ma:index="6" nillable="true" ma:displayName="Tags" ma:internalName="CorpSiteTags">
      <xsd:simpleType>
        <xsd:restriction base="dms:Text">
          <xsd:maxLength value="255"/>
        </xsd:restriction>
      </xsd:simpleType>
    </xsd:element>
    <xsd:element name="CorpSiteReportNumber" ma:index="7" nillable="true" ma:displayName="Rapport nummer" ma:internalName="CorpSiteReportNumber">
      <xsd:simpleType>
        <xsd:restriction base="dms:Text">
          <xsd:maxLength value="255"/>
        </xsd:restriction>
      </xsd:simpleType>
    </xsd:element>
    <xsd:element name="CorpSiteISBN" ma:index="8" nillable="true" ma:displayName="ISBN" ma:internalName="CorpSiteISBN">
      <xsd:simpleType>
        <xsd:restriction base="dms:Text">
          <xsd:maxLength value="255"/>
        </xsd:restriction>
      </xsd:simpleType>
    </xsd:element>
    <xsd:element name="CorpSiteMainAuthors" ma:index="9" nillable="true" ma:displayName="Hovedforfattere" ma:internalName="CorpSiteMainAuthors">
      <xsd:simpleType>
        <xsd:restriction base="dms:Text">
          <xsd:maxLength value="255"/>
        </xsd:restriction>
      </xsd:simpleType>
    </xsd:element>
    <xsd:element name="CorpSiteCoAuthors" ma:index="10" nillable="true" ma:displayName="Medforfattere" ma:internalName="CorpSiteCoAuthors">
      <xsd:simpleType>
        <xsd:restriction base="dms:Text">
          <xsd:maxLength value="255"/>
        </xsd:restriction>
      </xsd:simpleType>
    </xsd:element>
    <xsd:element name="CorpSiteRecipientCompany" ma:index="11" nillable="true" ma:displayName="Mottakende selskap" ma:internalName="CorpSiteRecipientCompany">
      <xsd:simpleType>
        <xsd:restriction base="dms:Text">
          <xsd:maxLength value="255"/>
        </xsd:restriction>
      </xsd:simpleType>
    </xsd:element>
    <xsd:element name="CorpSiteRecipientPerson" ma:index="12" nillable="true" ma:displayName="Mottakende person" ma:internalName="CorpSiteRecipientPerson">
      <xsd:simpleType>
        <xsd:restriction base="dms:Text">
          <xsd:maxLength value="255"/>
        </xsd:restriction>
      </xsd:simpleType>
    </xsd:element>
    <xsd:element name="CorpSiteOurRef" ma:index="13" nillable="true" ma:displayName="Vår ref" ma:internalName="CorpSiteOurRef">
      <xsd:simpleType>
        <xsd:restriction base="dms:Text">
          <xsd:maxLength value="255"/>
        </xsd:restriction>
      </xsd:simpleType>
    </xsd:element>
    <xsd:element name="CorpSiteZipAddress" ma:index="14" nillable="true" ma:displayName="Adresse" ma:internalName="CorpSiteZipAddress">
      <xsd:simpleType>
        <xsd:restriction base="dms:Note">
          <xsd:maxLength value="255"/>
        </xsd:restriction>
      </xsd:simpleType>
    </xsd:element>
    <xsd:element name="CorpSiteZipContact" ma:index="15" nillable="true" ma:displayName="Kontakt" ma:internalName="CorpSiteZipContact">
      <xsd:simpleType>
        <xsd:restriction base="dms:Note">
          <xsd:maxLength value="255"/>
        </xsd:restriction>
      </xsd:simpleType>
    </xsd:element>
    <xsd:element name="CorpSiteVATNumber" ma:index="16" nillable="true" ma:displayName="Foretaksnummer" ma:internalName="CorpSiteVATNumber">
      <xsd:simpleType>
        <xsd:restriction base="dms:Text">
          <xsd:maxLength value="255"/>
        </xsd:restriction>
      </xsd:simpleType>
    </xsd:element>
    <xsd:element name="CorpSiteInstituteEmail" ma:index="17" nillable="true" ma:displayName="E-post institutt" ma:internalName="CorpSiteInstituteEmail">
      <xsd:simpleType>
        <xsd:restriction base="dms:Text">
          <xsd:maxLength value="255"/>
        </xsd:restriction>
      </xsd:simpleType>
    </xsd:element>
    <xsd:element name="CorpDocPageClassificationNbNo" ma:index="18" nillable="true" ma:displayName="Gradering Denne Siden" ma:default="Åpen" ma:internalName="CorpDocPageClassificationNbNo">
      <xsd:simpleType>
        <xsd:restriction base="dms:Choice">
          <xsd:enumeration value="Åpen"/>
          <xsd:enumeration value="Intern"/>
          <xsd:enumeration value="Fortrolig"/>
          <xsd:enumeration value="Strengt fortrolig"/>
          <xsd:maxLength value="255"/>
        </xsd:restriction>
      </xsd:simpleType>
    </xsd:element>
    <xsd:element name="CorpDocClassificationEnUs" ma:index="19" nillable="true" ma:displayName="Classification" ma:default="Unrestricted" ma:internalName="CorpDocClassificationEnUs">
      <xsd:simpleType>
        <xsd:restriction base="dms:Choice">
          <xsd:enumeration value="Unrestricted"/>
          <xsd:enumeration value="Internal"/>
          <xsd:enumeration value="Restricted"/>
          <xsd:enumeration value="Confidential"/>
          <xsd:maxLength value="255"/>
        </xsd:restriction>
      </xsd:simpleType>
    </xsd:element>
    <xsd:element name="CorpDocPageClassificationEnUs" ma:index="20" nillable="true" ma:displayName="Classification This Page" ma:default="Unrestricted" ma:internalName="CorpDocPageClassificationEnUs">
      <xsd:simpleType>
        <xsd:restriction base="dms:Choice">
          <xsd:enumeration value="Unrestricted"/>
          <xsd:enumeration value="Internal"/>
          <xsd:enumeration value="Restricted"/>
          <xsd:enumeration value="Confidential"/>
          <xsd:maxLength value="255"/>
        </xsd:restriction>
      </xsd:simpleType>
    </xsd:element>
    <xsd:element name="CorpDocClassificationNbNo" ma:index="21" nillable="true" ma:displayName="Gradering" ma:default="Åpen" ma:internalName="CorpDocClassificationNbNo">
      <xsd:simpleType>
        <xsd:restriction base="dms:Choice">
          <xsd:enumeration value="Åpen"/>
          <xsd:enumeration value="Intern"/>
          <xsd:enumeration value="Fortrolig"/>
          <xsd:enumeration value="Strengt fortrolig"/>
          <xsd:maxLength value="255"/>
        </xsd:restriction>
      </xsd:simpleType>
    </xsd:element>
    <xsd:element name="CorpSiteInstituteEnUs" ma:index="22" nillable="true" ma:displayName="InstituteEng" ma:internalName="CorpSiteInstituteEnUs">
      <xsd:simpleType>
        <xsd:restriction base="dms:Text">
          <xsd:maxLength value="255"/>
        </xsd:restriction>
      </xsd:simpleType>
    </xsd:element>
    <xsd:element name="CorpSiteInstitutePhone" ma:index="23" nillable="true" ma:displayName="Institutt telefon" ma:internalName="CorpSiteInstitutePhone">
      <xsd:simpleType>
        <xsd:restriction base="dms:Text">
          <xsd:maxLength value="255"/>
        </xsd:restriction>
      </xsd:simpleType>
    </xsd:element>
    <xsd:element name="CorpSiteDocLanguage" ma:index="24" nillable="true" ma:displayName="Språk" ma:internalName="CorpSiteDocLanguage">
      <xsd:simpleType>
        <xsd:restriction base="dms:Text">
          <xsd:maxLength value="255"/>
        </xsd:restriction>
      </xsd:simpleType>
    </xsd:element>
    <xsd:element name="CorpDocInstitute" ma:index="25" nillable="true" ma:displayName="Institutt" ma:internalName="CorpDocInstitute">
      <xsd:simpleType>
        <xsd:restriction base="dms:Text">
          <xsd:maxLength value="255"/>
        </xsd:restriction>
      </xsd:simpleType>
    </xsd:element>
    <xsd:element name="CorpDocVersion" ma:index="26" nillable="true" ma:displayName="Versjon" ma:internalName="CorpDocVersion">
      <xsd:simpleType>
        <xsd:restriction base="dms:Text">
          <xsd:maxLength value="255"/>
        </xsd:restriction>
      </xsd:simpleType>
    </xsd:element>
    <xsd:element name="CorpSiteDocumentAuthor" ma:index="27" nillable="true" ma:displayName="Hovedforfatter" ma:hidden="true" ma:internalName="CorpSiteDocumentAuthor">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orpSiteProjectQA" ma:index="32" nillable="true" ma:displayName="Kvalitestsansvarlig" ma:list="UserInfo" ma:SharePointGroup="0" ma:internalName="CorpSiteProjectQA"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orpSiteProjectOwner" ma:index="33" nillable="true" ma:displayName="Prosjekteier" ma:list="UserInfo" ma:SharePointGroup="0" ma:internalName="CorpSiteProjectOwn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orpSiteProjectLeader" ma:index="34" nillable="true" ma:displayName="Prosjektleder" ma:list="UserInfo" ma:SharePointGroup="0" ma:internalName="CorpSiteProjectLead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ArchiveStatus" ma:index="36" nillable="true" ma:displayName="Arkivstatus" ma:internalName="ArchiveStatus">
      <xsd:simpleType>
        <xsd:restriction base="dms:Text">
          <xsd:maxLength value="255"/>
        </xsd:restriction>
      </xsd:simpleType>
    </xsd:element>
    <xsd:element name="CorpWorkflowFeedback" ma:index="37" nillable="true" ma:displayName="Status kvalitetssikring" ma:internalName="CorpWorkflowFeedback">
      <xsd:simpleType>
        <xsd:restriction base="dms:Text">
          <xsd:maxLength value="255"/>
        </xsd:restriction>
      </xsd:simpleType>
    </xsd:element>
    <xsd:element name="CorpSiteProjectNumber" ma:index="39" nillable="true" ma:displayName="Prosjektnummer" ma:default="" ma:internalName="CorpSiteProjectNumber">
      <xsd:simpleType>
        <xsd:restriction base="dms:Text">
          <xsd:maxLength value="255"/>
        </xsd:restriction>
      </xsd:simpleType>
    </xsd:element>
    <xsd:element name="CorpSiteProjectName" ma:index="40" nillable="true" ma:displayName="Prosjektnavn" ma:internalName="CorpSiteProjectName">
      <xsd:simpleType>
        <xsd:restriction base="dms:Text">
          <xsd:maxLength value="255"/>
        </xsd:restriction>
      </xsd:simpleType>
    </xsd:element>
    <xsd:element name="CorpWorkflowApproval" ma:index="57" nillable="true" ma:displayName="Status godkjenning" ma:internalName="CorpWorkflowApproval">
      <xsd:simpleType>
        <xsd:restriction base="dms:Text">
          <xsd:maxLength value="255"/>
        </xsd:restriction>
      </xsd:simpleType>
    </xsd:element>
    <xsd:element name="CorpDocumentDate" ma:index="58" nillable="true" ma:displayName="Dokumentdato" ma:internalName="CorpDocumentDat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edf0c46-a6f9-4131-a921-71012b14023b" elementFormDefault="qualified">
    <xsd:import namespace="http://schemas.microsoft.com/office/2006/documentManagement/types"/>
    <xsd:import namespace="http://schemas.microsoft.com/office/infopath/2007/PartnerControls"/>
    <xsd:element name="MediaServiceMetadata" ma:index="41" nillable="true" ma:displayName="MediaServiceMetadata" ma:hidden="true" ma:internalName="MediaServiceMetadata" ma:readOnly="true">
      <xsd:simpleType>
        <xsd:restriction base="dms:Note"/>
      </xsd:simpleType>
    </xsd:element>
    <xsd:element name="MediaServiceFastMetadata" ma:index="42" nillable="true" ma:displayName="MediaServiceFastMetadata" ma:hidden="true" ma:internalName="MediaServiceFastMetadata" ma:readOnly="true">
      <xsd:simpleType>
        <xsd:restriction base="dms:Note"/>
      </xsd:simpleType>
    </xsd:element>
    <xsd:element name="MediaServiceAutoTags" ma:index="45" nillable="true" ma:displayName="Tags" ma:internalName="MediaServiceAutoTags" ma:readOnly="true">
      <xsd:simpleType>
        <xsd:restriction base="dms:Text"/>
      </xsd:simpleType>
    </xsd:element>
    <xsd:element name="MediaServiceOCR" ma:index="46" nillable="true" ma:displayName="Extracted Text" ma:internalName="MediaServiceOCR" ma:readOnly="true">
      <xsd:simpleType>
        <xsd:restriction base="dms:Note">
          <xsd:maxLength value="255"/>
        </xsd:restriction>
      </xsd:simpleType>
    </xsd:element>
    <xsd:element name="MediaServiceGenerationTime" ma:index="47" nillable="true" ma:displayName="MediaServiceGenerationTime" ma:hidden="true" ma:internalName="MediaServiceGenerationTime" ma:readOnly="true">
      <xsd:simpleType>
        <xsd:restriction base="dms:Text"/>
      </xsd:simpleType>
    </xsd:element>
    <xsd:element name="MediaServiceEventHashCode" ma:index="48" nillable="true" ma:displayName="MediaServiceEventHashCode" ma:hidden="true" ma:internalName="MediaServiceEventHashCode" ma:readOnly="true">
      <xsd:simpleType>
        <xsd:restriction base="dms:Text"/>
      </xsd:simpleType>
    </xsd:element>
    <xsd:element name="MediaServiceAutoKeyPoints" ma:index="49" nillable="true" ma:displayName="MediaServiceAutoKeyPoints" ma:hidden="true" ma:internalName="MediaServiceAutoKeyPoints" ma:readOnly="true">
      <xsd:simpleType>
        <xsd:restriction base="dms:Note"/>
      </xsd:simpleType>
    </xsd:element>
    <xsd:element name="MediaServiceKeyPoints" ma:index="50" nillable="true" ma:displayName="KeyPoints" ma:internalName="MediaServiceKeyPoints" ma:readOnly="true">
      <xsd:simpleType>
        <xsd:restriction base="dms:Note">
          <xsd:maxLength value="255"/>
        </xsd:restriction>
      </xsd:simpleType>
    </xsd:element>
    <xsd:element name="lcf76f155ced4ddcb4097134ff3c332f" ma:index="52" nillable="true" ma:taxonomy="true" ma:internalName="lcf76f155ced4ddcb4097134ff3c332f" ma:taxonomyFieldName="MediaServiceImageTags" ma:displayName="Bildemerkelapper" ma:readOnly="false" ma:fieldId="{5cf76f15-5ced-4ddc-b409-7134ff3c332f}" ma:taxonomyMulti="true" ma:sspId="322a372c-f9c2-4fd8-9939-aea158435baa"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54" nillable="true" ma:displayName="MediaServiceObjectDetectorVersions" ma:hidden="true" ma:indexed="true" ma:internalName="MediaServiceObjectDetectorVersions" ma:readOnly="true">
      <xsd:simpleType>
        <xsd:restriction base="dms:Text"/>
      </xsd:simpleType>
    </xsd:element>
    <xsd:element name="MediaServiceDateTaken" ma:index="55" nillable="true" ma:displayName="MediaServiceDateTaken" ma:hidden="true" ma:indexed="true" ma:internalName="MediaServiceDateTaken" ma:readOnly="true">
      <xsd:simpleType>
        <xsd:restriction base="dms:Text"/>
      </xsd:simpleType>
    </xsd:element>
    <xsd:element name="MediaServiceSearchProperties" ma:index="5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4038120-c57d-4ff0-a062-b50bf46d05c8" elementFormDefault="qualified">
    <xsd:import namespace="http://schemas.microsoft.com/office/2006/documentManagement/types"/>
    <xsd:import namespace="http://schemas.microsoft.com/office/infopath/2007/PartnerControls"/>
    <xsd:element name="SharedWithUsers" ma:index="43"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4" nillable="true" ma:displayName="Delingsdetaljer" ma:internalName="SharedWithDetails" ma:readOnly="true">
      <xsd:simpleType>
        <xsd:restriction base="dms:Note">
          <xsd:maxLength value="255"/>
        </xsd:restriction>
      </xsd:simpleType>
    </xsd:element>
    <xsd:element name="TaxCatchAll" ma:index="53" nillable="true" ma:displayName="Taxonomy Catch All Column" ma:hidden="true" ma:list="{5ba8adbb-8c7c-418d-81ce-e676a2e92483}" ma:internalName="TaxCatchAll" ma:showField="CatchAllData" ma:web="04038120-c57d-4ff0-a062-b50bf46d05c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38" ma:displayName="Innholdstype"/>
        <xsd:element ref="dc:title" minOccurs="0" maxOccurs="1" ma:index="1"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7EEF91AC-9A48-4798-9A9B-96FF81E5CF8B}">
  <ds:schemaRefs/>
</ds:datastoreItem>
</file>

<file path=customXml/itemProps2.xml><?xml version="1.0" encoding="utf-8"?>
<ds:datastoreItem xmlns:ds="http://schemas.openxmlformats.org/officeDocument/2006/customXml" ds:itemID="{E248BAE9-4883-4C5B-A297-F43CBEC7E1D0}">
  <ds:schemaRefs>
    <ds:schemaRef ds:uri="http://schemas.microsoft.com/office/2006/metadata/properties"/>
    <ds:schemaRef ds:uri="http://schemas.microsoft.com/office/infopath/2007/PartnerControls"/>
    <ds:schemaRef ds:uri="8bbd4995-53b7-43e2-b62f-10947586ac31"/>
    <ds:schemaRef ds:uri="1edf0c46-a6f9-4131-a921-71012b14023b"/>
    <ds:schemaRef ds:uri="04038120-c57d-4ff0-a062-b50bf46d05c8"/>
  </ds:schemaRefs>
</ds:datastoreItem>
</file>

<file path=customXml/itemProps3.xml><?xml version="1.0" encoding="utf-8"?>
<ds:datastoreItem xmlns:ds="http://schemas.openxmlformats.org/officeDocument/2006/customXml" ds:itemID="{AE82897E-595B-4821-B186-F1D19B739946}">
  <ds:schemaRefs>
    <ds:schemaRef ds:uri="http://schemas.microsoft.com/sharepoint/v3/contenttype/forms"/>
  </ds:schemaRefs>
</ds:datastoreItem>
</file>

<file path=customXml/itemProps4.xml><?xml version="1.0" encoding="utf-8"?>
<ds:datastoreItem xmlns:ds="http://schemas.openxmlformats.org/officeDocument/2006/customXml" ds:itemID="{A9C3E8D4-C1CC-41A6-BBEC-BD241623A6CC}"/>
</file>

<file path=customXml/itemProps5.xml><?xml version="1.0" encoding="utf-8"?>
<ds:datastoreItem xmlns:ds="http://schemas.openxmlformats.org/officeDocument/2006/customXml" ds:itemID="{129FB90B-22C5-4FE6-9366-00B069FEE7D4}">
  <ds:schemaRefs/>
</ds:datastoreItem>
</file>

<file path=docMetadata/LabelInfo.xml><?xml version="1.0" encoding="utf-8"?>
<clbl:labelList xmlns:clbl="http://schemas.microsoft.com/office/2020/mipLabelMetadata">
  <clbl:label id="{e1f00f39-6041-45b0-b309-e0210d8b32af}" enabled="0" method="" siteId="{e1f00f39-6041-45b0-b309-e0210d8b32af}"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4</vt:i4>
      </vt:variant>
    </vt:vector>
  </HeadingPairs>
  <TitlesOfParts>
    <vt:vector size="4" baseType="lpstr">
      <vt:lpstr>README</vt:lpstr>
      <vt:lpstr>Set O</vt:lpstr>
      <vt:lpstr>Full evolution</vt:lpstr>
      <vt:lpstr>Set V</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dvard Sivertsen</dc:creator>
  <cp:keywords/>
  <dc:description/>
  <cp:lastModifiedBy>Lilo Henke</cp:lastModifiedBy>
  <cp:revision/>
  <cp:lastPrinted>2025-06-10T12:09:58Z</cp:lastPrinted>
  <dcterms:created xsi:type="dcterms:W3CDTF">2024-07-04T14:19:09Z</dcterms:created>
  <dcterms:modified xsi:type="dcterms:W3CDTF">2025-10-04T07:19:1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intef</vt:lpwstr>
  </property>
  <property fmtid="{D5CDD505-2E9C-101B-9397-08002B2CF9AE}" pid="3" name="TemplafyTemplateId">
    <vt:lpwstr>740326090642817258</vt:lpwstr>
  </property>
  <property fmtid="{D5CDD505-2E9C-101B-9397-08002B2CF9AE}" pid="4" name="TemplafyUserProfileId">
    <vt:lpwstr>638222358629862506</vt:lpwstr>
  </property>
  <property fmtid="{D5CDD505-2E9C-101B-9397-08002B2CF9AE}" pid="5" name="TemplafyLanguageCode">
    <vt:lpwstr>nb-NO</vt:lpwstr>
  </property>
  <property fmtid="{D5CDD505-2E9C-101B-9397-08002B2CF9AE}" pid="6" name="TemplafyFromBlank">
    <vt:bool>true</vt:bool>
  </property>
  <property fmtid="{D5CDD505-2E9C-101B-9397-08002B2CF9AE}" pid="7" name="ContentTypeId">
    <vt:lpwstr>0x01010031B82B69D2361148B4D8F7EC1568021308007124C8E6565C7B4285F6E2D4A61A8761</vt:lpwstr>
  </property>
  <property fmtid="{D5CDD505-2E9C-101B-9397-08002B2CF9AE}" pid="8" name="MediaServiceImageTags">
    <vt:lpwstr/>
  </property>
</Properties>
</file>